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7 施設型給付\99 保育料無償化問題\10幼児保育・保育無償化対象施設リスト\R5\14_【R5.04】幼児教育・保育の無償化対象施設リストの更新\04_CMS更新・市町村案内文起案\各更新ファイル\"/>
    </mc:Choice>
  </mc:AlternateContent>
  <bookViews>
    <workbookView xWindow="0" yWindow="0" windowWidth="20496" windowHeight="7752"/>
  </bookViews>
  <sheets>
    <sheet name="一時預かり" sheetId="4" r:id="rId1"/>
  </sheets>
  <definedNames>
    <definedName name="_xlnm._FilterDatabase" localSheetId="0" hidden="1">一時預かり!$A$2:$G$567</definedName>
    <definedName name="_xlnm.Print_Area" localSheetId="0">一時預かり!$A$1:$F$567</definedName>
    <definedName name="_xlnm.Print_Titles" localSheetId="0">一時預かり!$2: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66" uniqueCount="1740">
  <si>
    <t>No</t>
    <phoneticPr fontId="1"/>
  </si>
  <si>
    <t>市町村名</t>
    <rPh sb="0" eb="3">
      <t>シチョウソン</t>
    </rPh>
    <rPh sb="3" eb="4">
      <t>メイ</t>
    </rPh>
    <phoneticPr fontId="1"/>
  </si>
  <si>
    <t>住所</t>
    <rPh sb="0" eb="2">
      <t>ジュウショ</t>
    </rPh>
    <phoneticPr fontId="1"/>
  </si>
  <si>
    <t>備考</t>
    <rPh sb="0" eb="2">
      <t>ビコウ</t>
    </rPh>
    <phoneticPr fontId="1"/>
  </si>
  <si>
    <t>電話</t>
    <rPh sb="0" eb="2">
      <t>デンワ</t>
    </rPh>
    <phoneticPr fontId="1"/>
  </si>
  <si>
    <t>施設名</t>
    <rPh sb="0" eb="2">
      <t>シセツ</t>
    </rPh>
    <rPh sb="2" eb="3">
      <t>メイ</t>
    </rPh>
    <phoneticPr fontId="1"/>
  </si>
  <si>
    <t>横須賀市</t>
    <rPh sb="0" eb="4">
      <t>ヨコスカシ</t>
    </rPh>
    <phoneticPr fontId="1"/>
  </si>
  <si>
    <t>横須賀市</t>
    <rPh sb="0" eb="4">
      <t>ヨコスカシ</t>
    </rPh>
    <phoneticPr fontId="1"/>
  </si>
  <si>
    <t>大楠愛児園</t>
    <rPh sb="0" eb="2">
      <t>オオクス</t>
    </rPh>
    <rPh sb="2" eb="4">
      <t>アイジ</t>
    </rPh>
    <rPh sb="4" eb="5">
      <t>エン</t>
    </rPh>
    <phoneticPr fontId="1"/>
  </si>
  <si>
    <t>046-856-0155</t>
    <phoneticPr fontId="1"/>
  </si>
  <si>
    <t>横須賀市佐野町5-7</t>
    <rPh sb="0" eb="4">
      <t>ヨコスカシ</t>
    </rPh>
    <rPh sb="4" eb="7">
      <t>サノチョウ</t>
    </rPh>
    <phoneticPr fontId="1"/>
  </si>
  <si>
    <t>046-851-2138</t>
    <phoneticPr fontId="1"/>
  </si>
  <si>
    <t>認定こども園善隣園</t>
    <rPh sb="0" eb="2">
      <t>ニンテイ</t>
    </rPh>
    <rPh sb="5" eb="6">
      <t>エン</t>
    </rPh>
    <rPh sb="6" eb="7">
      <t>ゼン</t>
    </rPh>
    <rPh sb="7" eb="8">
      <t>リン</t>
    </rPh>
    <rPh sb="8" eb="9">
      <t>エン</t>
    </rPh>
    <phoneticPr fontId="1"/>
  </si>
  <si>
    <t>横須賀市田浦町2-80-1</t>
    <rPh sb="0" eb="4">
      <t>ヨコスカシ</t>
    </rPh>
    <rPh sb="4" eb="6">
      <t>タウラ</t>
    </rPh>
    <rPh sb="6" eb="7">
      <t>マチ</t>
    </rPh>
    <phoneticPr fontId="1"/>
  </si>
  <si>
    <t>046-861-9777</t>
    <phoneticPr fontId="1"/>
  </si>
  <si>
    <t>三和こども園</t>
    <rPh sb="0" eb="1">
      <t>ミ</t>
    </rPh>
    <rPh sb="1" eb="2">
      <t>ワ</t>
    </rPh>
    <rPh sb="5" eb="6">
      <t>エン</t>
    </rPh>
    <phoneticPr fontId="1"/>
  </si>
  <si>
    <t>横須賀市田戸台26</t>
    <rPh sb="0" eb="4">
      <t>ヨコスカシ</t>
    </rPh>
    <rPh sb="4" eb="7">
      <t>タドダイ</t>
    </rPh>
    <phoneticPr fontId="1"/>
  </si>
  <si>
    <t>横須賀市東逸見町1-30</t>
    <rPh sb="0" eb="4">
      <t>ヨコスカシ</t>
    </rPh>
    <rPh sb="4" eb="5">
      <t>ヒガシ</t>
    </rPh>
    <rPh sb="5" eb="7">
      <t>ヘミ</t>
    </rPh>
    <rPh sb="7" eb="8">
      <t>チョウ</t>
    </rPh>
    <phoneticPr fontId="1"/>
  </si>
  <si>
    <t>リーベリー保育園</t>
    <rPh sb="5" eb="7">
      <t>ホイク</t>
    </rPh>
    <rPh sb="7" eb="8">
      <t>エン</t>
    </rPh>
    <phoneticPr fontId="1"/>
  </si>
  <si>
    <t>太田和こども園</t>
    <rPh sb="0" eb="3">
      <t>オオタワ</t>
    </rPh>
    <rPh sb="6" eb="7">
      <t>エン</t>
    </rPh>
    <phoneticPr fontId="1"/>
  </si>
  <si>
    <t>横須賀市太田和3-733</t>
    <rPh sb="0" eb="4">
      <t>ヨコスカシ</t>
    </rPh>
    <rPh sb="4" eb="7">
      <t>オオタワ</t>
    </rPh>
    <phoneticPr fontId="1"/>
  </si>
  <si>
    <t>046-857-5544</t>
    <phoneticPr fontId="1"/>
  </si>
  <si>
    <t>046-822-5244</t>
    <phoneticPr fontId="1"/>
  </si>
  <si>
    <t>津久井保育園</t>
    <rPh sb="0" eb="3">
      <t>ツクイ</t>
    </rPh>
    <rPh sb="3" eb="5">
      <t>ホイク</t>
    </rPh>
    <rPh sb="5" eb="6">
      <t>エン</t>
    </rPh>
    <phoneticPr fontId="1"/>
  </si>
  <si>
    <t>046-849-1747</t>
    <phoneticPr fontId="1"/>
  </si>
  <si>
    <t>046-822-0479</t>
    <phoneticPr fontId="1"/>
  </si>
  <si>
    <t>046-822-5090</t>
    <phoneticPr fontId="1"/>
  </si>
  <si>
    <t>平塚市</t>
    <rPh sb="0" eb="3">
      <t>ヒラツカシ</t>
    </rPh>
    <phoneticPr fontId="1"/>
  </si>
  <si>
    <t>平塚保育園</t>
    <rPh sb="0" eb="2">
      <t>ヒラツカ</t>
    </rPh>
    <rPh sb="2" eb="5">
      <t>ホイクエン</t>
    </rPh>
    <phoneticPr fontId="1"/>
  </si>
  <si>
    <t>平塚市宮の前4－13</t>
    <rPh sb="0" eb="3">
      <t>ヒラツカシ</t>
    </rPh>
    <rPh sb="3" eb="4">
      <t>ミヤ</t>
    </rPh>
    <rPh sb="5" eb="6">
      <t>マエ</t>
    </rPh>
    <phoneticPr fontId="1"/>
  </si>
  <si>
    <t>0463-21-0227</t>
    <phoneticPr fontId="1"/>
  </si>
  <si>
    <t>柳町保育園　</t>
    <phoneticPr fontId="1"/>
  </si>
  <si>
    <t>0463-31-0880</t>
    <phoneticPr fontId="1"/>
  </si>
  <si>
    <t>あさひ保育園</t>
  </si>
  <si>
    <t>0463-32-2137</t>
    <phoneticPr fontId="1"/>
  </si>
  <si>
    <t>横内保育園</t>
  </si>
  <si>
    <t>0463-55-2188</t>
    <phoneticPr fontId="1"/>
  </si>
  <si>
    <t>いずみ保育園</t>
  </si>
  <si>
    <t>0463-31-3421</t>
    <phoneticPr fontId="1"/>
  </si>
  <si>
    <t>金目保育園</t>
  </si>
  <si>
    <t>0463-58-1882</t>
    <phoneticPr fontId="1"/>
  </si>
  <si>
    <t>八幡保育園</t>
  </si>
  <si>
    <t>0463-21-0084</t>
    <phoneticPr fontId="1"/>
  </si>
  <si>
    <t>ゆうかり保育園</t>
  </si>
  <si>
    <t>0463-58-7220</t>
    <phoneticPr fontId="1"/>
  </si>
  <si>
    <t xml:space="preserve">高村保育園 </t>
  </si>
  <si>
    <t>0463-34-2526</t>
    <phoneticPr fontId="1"/>
  </si>
  <si>
    <t>富士見保育園</t>
  </si>
  <si>
    <t>0463-33-3411</t>
    <phoneticPr fontId="1"/>
  </si>
  <si>
    <t>みどり保育所</t>
  </si>
  <si>
    <t>0463-35-0015</t>
    <phoneticPr fontId="1"/>
  </si>
  <si>
    <t>もんもん保育園</t>
  </si>
  <si>
    <t>苗･もんもん保育園</t>
  </si>
  <si>
    <t>0463-21-9117</t>
    <phoneticPr fontId="1"/>
  </si>
  <si>
    <t>サン･キッズ湘南</t>
  </si>
  <si>
    <t>0463-25-1019</t>
    <phoneticPr fontId="1"/>
  </si>
  <si>
    <t>真土すばる保育園</t>
  </si>
  <si>
    <t>0463-53-4141</t>
    <phoneticPr fontId="1"/>
  </si>
  <si>
    <t>サン・キッズ平塚ステーション</t>
  </si>
  <si>
    <t>0463-20-5240</t>
    <phoneticPr fontId="1"/>
  </si>
  <si>
    <t>湘南みらい保育園</t>
  </si>
  <si>
    <t>0463-37-1711</t>
    <phoneticPr fontId="1"/>
  </si>
  <si>
    <t>湘南きらら保育園</t>
  </si>
  <si>
    <t>0463-35-0030</t>
    <phoneticPr fontId="1"/>
  </si>
  <si>
    <t>サンキッズ金田ほいくえん</t>
  </si>
  <si>
    <t>0463-59-9525</t>
    <phoneticPr fontId="1"/>
  </si>
  <si>
    <t>認定美里・柿の実こども園</t>
    <phoneticPr fontId="1"/>
  </si>
  <si>
    <t>0463-54-6678</t>
    <phoneticPr fontId="1"/>
  </si>
  <si>
    <t>小田原市</t>
    <rPh sb="0" eb="4">
      <t>オダワラシ</t>
    </rPh>
    <phoneticPr fontId="1"/>
  </si>
  <si>
    <t>小田原愛児園</t>
    <rPh sb="0" eb="6">
      <t>オダワラアイジエン</t>
    </rPh>
    <phoneticPr fontId="1"/>
  </si>
  <si>
    <t>0465-22-3523</t>
    <phoneticPr fontId="1"/>
  </si>
  <si>
    <t>小田原乳児園</t>
    <rPh sb="0" eb="3">
      <t>オダワラ</t>
    </rPh>
    <rPh sb="3" eb="5">
      <t>ニュウジ</t>
    </rPh>
    <rPh sb="5" eb="6">
      <t>エン</t>
    </rPh>
    <phoneticPr fontId="1"/>
  </si>
  <si>
    <t>0465-22-3523</t>
    <phoneticPr fontId="1"/>
  </si>
  <si>
    <t>国府津保育園</t>
    <rPh sb="0" eb="3">
      <t>コウヅ</t>
    </rPh>
    <rPh sb="3" eb="6">
      <t>ホイクエン</t>
    </rPh>
    <phoneticPr fontId="1"/>
  </si>
  <si>
    <t>0465-47-3355</t>
    <phoneticPr fontId="1"/>
  </si>
  <si>
    <t>城前寺保育園</t>
    <rPh sb="0" eb="1">
      <t>シロ</t>
    </rPh>
    <rPh sb="1" eb="2">
      <t>マエ</t>
    </rPh>
    <rPh sb="2" eb="3">
      <t>テラ</t>
    </rPh>
    <rPh sb="3" eb="6">
      <t>ホイクエン</t>
    </rPh>
    <phoneticPr fontId="1"/>
  </si>
  <si>
    <t>0465-42-0140</t>
    <phoneticPr fontId="1"/>
  </si>
  <si>
    <t>城前寺保育園そが分園</t>
    <rPh sb="0" eb="1">
      <t>シロ</t>
    </rPh>
    <rPh sb="1" eb="2">
      <t>マエ</t>
    </rPh>
    <rPh sb="2" eb="3">
      <t>テラ</t>
    </rPh>
    <rPh sb="3" eb="6">
      <t>ホイクエン</t>
    </rPh>
    <rPh sb="8" eb="10">
      <t>ブンエン</t>
    </rPh>
    <phoneticPr fontId="1"/>
  </si>
  <si>
    <t>0465-41-1116</t>
    <phoneticPr fontId="1"/>
  </si>
  <si>
    <t>西大友保育園</t>
    <rPh sb="0" eb="1">
      <t>ニシ</t>
    </rPh>
    <rPh sb="1" eb="3">
      <t>オオトモ</t>
    </rPh>
    <rPh sb="3" eb="6">
      <t>ホイクエン</t>
    </rPh>
    <phoneticPr fontId="1"/>
  </si>
  <si>
    <t>0465-36-4378</t>
    <phoneticPr fontId="1"/>
  </si>
  <si>
    <t>西大友保育園分園みらい</t>
    <rPh sb="0" eb="1">
      <t>ニシ</t>
    </rPh>
    <rPh sb="1" eb="3">
      <t>オオトモ</t>
    </rPh>
    <rPh sb="3" eb="6">
      <t>ホイクエン</t>
    </rPh>
    <rPh sb="6" eb="8">
      <t>ブンエン</t>
    </rPh>
    <phoneticPr fontId="1"/>
  </si>
  <si>
    <t>0465-46-6222</t>
    <phoneticPr fontId="1"/>
  </si>
  <si>
    <t>春光保育園</t>
    <rPh sb="0" eb="2">
      <t>シュンコウ</t>
    </rPh>
    <rPh sb="2" eb="5">
      <t>ホイクエン</t>
    </rPh>
    <phoneticPr fontId="1"/>
  </si>
  <si>
    <t>0465-48-5162</t>
    <phoneticPr fontId="1"/>
  </si>
  <si>
    <t>桃重保育園</t>
    <rPh sb="0" eb="1">
      <t>モモ</t>
    </rPh>
    <rPh sb="1" eb="2">
      <t>カサ</t>
    </rPh>
    <rPh sb="2" eb="5">
      <t>ホイクエン</t>
    </rPh>
    <phoneticPr fontId="1"/>
  </si>
  <si>
    <t>0465-48-6770</t>
    <phoneticPr fontId="1"/>
  </si>
  <si>
    <t>保育所モナミ蓮正寺園</t>
    <rPh sb="0" eb="2">
      <t>ホイク</t>
    </rPh>
    <rPh sb="2" eb="3">
      <t>ショ</t>
    </rPh>
    <rPh sb="6" eb="9">
      <t>レンショウジ</t>
    </rPh>
    <rPh sb="9" eb="10">
      <t>エン</t>
    </rPh>
    <phoneticPr fontId="1"/>
  </si>
  <si>
    <t>0465-44-4600</t>
    <phoneticPr fontId="1"/>
  </si>
  <si>
    <t>南足柄市</t>
    <rPh sb="0" eb="4">
      <t>ミナミアシガラシ</t>
    </rPh>
    <phoneticPr fontId="1"/>
  </si>
  <si>
    <t>ばーば倶楽部</t>
    <rPh sb="3" eb="6">
      <t>クラブ</t>
    </rPh>
    <phoneticPr fontId="1"/>
  </si>
  <si>
    <t>南足柄市岩原1016番地1</t>
    <rPh sb="0" eb="4">
      <t>ミナミアシガラシ</t>
    </rPh>
    <rPh sb="4" eb="6">
      <t>イワハラ</t>
    </rPh>
    <rPh sb="10" eb="12">
      <t>バンチ</t>
    </rPh>
    <phoneticPr fontId="1"/>
  </si>
  <si>
    <t>0465-73-2960</t>
    <phoneticPr fontId="1"/>
  </si>
  <si>
    <t>綾瀬市</t>
    <rPh sb="0" eb="3">
      <t>アヤセシ</t>
    </rPh>
    <phoneticPr fontId="1"/>
  </si>
  <si>
    <t>綾南保育園</t>
    <rPh sb="0" eb="2">
      <t>リョウナン</t>
    </rPh>
    <rPh sb="2" eb="5">
      <t>ホイクエン</t>
    </rPh>
    <phoneticPr fontId="1"/>
  </si>
  <si>
    <t>綾瀬市上土棚南1-4-17</t>
    <rPh sb="0" eb="3">
      <t>アヤセシ</t>
    </rPh>
    <rPh sb="3" eb="7">
      <t>カミツチダナミナミ</t>
    </rPh>
    <phoneticPr fontId="1"/>
  </si>
  <si>
    <t>0467-76-0030</t>
    <phoneticPr fontId="1"/>
  </si>
  <si>
    <t>大上保育園</t>
    <rPh sb="0" eb="2">
      <t>オオガミ</t>
    </rPh>
    <rPh sb="2" eb="5">
      <t>ホイクエン</t>
    </rPh>
    <phoneticPr fontId="1"/>
  </si>
  <si>
    <t>綾瀬市大上6-14-5</t>
    <rPh sb="0" eb="3">
      <t>アヤセシ</t>
    </rPh>
    <rPh sb="3" eb="5">
      <t>オオガミ</t>
    </rPh>
    <phoneticPr fontId="1"/>
  </si>
  <si>
    <t>0467-77-0323</t>
    <phoneticPr fontId="1"/>
  </si>
  <si>
    <t>おとぎ保育園</t>
    <rPh sb="3" eb="6">
      <t>ホイクエン</t>
    </rPh>
    <phoneticPr fontId="1"/>
  </si>
  <si>
    <t>綾瀬市早川3067-5</t>
    <rPh sb="0" eb="3">
      <t>アヤセシ</t>
    </rPh>
    <rPh sb="3" eb="5">
      <t>ハヤカワ</t>
    </rPh>
    <phoneticPr fontId="1"/>
  </si>
  <si>
    <t>0467-76-3841</t>
    <phoneticPr fontId="1"/>
  </si>
  <si>
    <t>さくらチャイルドセンター</t>
    <phoneticPr fontId="1"/>
  </si>
  <si>
    <t>綾瀬市寺尾西1-13-1</t>
    <rPh sb="0" eb="3">
      <t>アヤセシ</t>
    </rPh>
    <rPh sb="3" eb="5">
      <t>テラオ</t>
    </rPh>
    <rPh sb="5" eb="6">
      <t>ニシ</t>
    </rPh>
    <phoneticPr fontId="1"/>
  </si>
  <si>
    <t>0467-78-8111</t>
    <phoneticPr fontId="1"/>
  </si>
  <si>
    <t>綾瀬いずみ保育園</t>
    <rPh sb="0" eb="2">
      <t>アヤセ</t>
    </rPh>
    <rPh sb="5" eb="8">
      <t>ホイクエン</t>
    </rPh>
    <phoneticPr fontId="1"/>
  </si>
  <si>
    <t>綾瀬市上土棚北4-11-41</t>
    <rPh sb="0" eb="3">
      <t>アヤセシ</t>
    </rPh>
    <rPh sb="3" eb="6">
      <t>カミツチダナ</t>
    </rPh>
    <rPh sb="6" eb="7">
      <t>キタ</t>
    </rPh>
    <phoneticPr fontId="1"/>
  </si>
  <si>
    <t>0467-55-9696</t>
    <phoneticPr fontId="1"/>
  </si>
  <si>
    <t>綾瀬ゆめっこ保育園</t>
    <rPh sb="0" eb="2">
      <t>アヤセ</t>
    </rPh>
    <rPh sb="6" eb="9">
      <t>ホイクエン</t>
    </rPh>
    <phoneticPr fontId="1"/>
  </si>
  <si>
    <t>綾瀬市大上4-2-25</t>
    <rPh sb="0" eb="3">
      <t>アヤセシ</t>
    </rPh>
    <rPh sb="3" eb="5">
      <t>オオガミ</t>
    </rPh>
    <phoneticPr fontId="1"/>
  </si>
  <si>
    <t>0467-76-0077</t>
    <phoneticPr fontId="1"/>
  </si>
  <si>
    <t>寒川町</t>
    <rPh sb="0" eb="3">
      <t>サムカワマチ</t>
    </rPh>
    <phoneticPr fontId="1"/>
  </si>
  <si>
    <t>さむかわ保育園</t>
    <rPh sb="4" eb="7">
      <t>ホイクエン</t>
    </rPh>
    <phoneticPr fontId="1"/>
  </si>
  <si>
    <t>0467-75-0134</t>
    <phoneticPr fontId="1"/>
  </si>
  <si>
    <t>旭保育園</t>
    <rPh sb="0" eb="1">
      <t>アサヒ</t>
    </rPh>
    <rPh sb="1" eb="4">
      <t>ホイクエン</t>
    </rPh>
    <phoneticPr fontId="1"/>
  </si>
  <si>
    <t>0467-75-0773</t>
    <phoneticPr fontId="1"/>
  </si>
  <si>
    <t>一之宮愛児園</t>
    <rPh sb="0" eb="3">
      <t>イチノミヤ</t>
    </rPh>
    <rPh sb="3" eb="5">
      <t>アイジ</t>
    </rPh>
    <rPh sb="5" eb="6">
      <t>エン</t>
    </rPh>
    <phoneticPr fontId="1"/>
  </si>
  <si>
    <t>0467-75-0729</t>
    <phoneticPr fontId="1"/>
  </si>
  <si>
    <t>寒川湘南保育園</t>
    <rPh sb="0" eb="2">
      <t>サムカワ</t>
    </rPh>
    <rPh sb="2" eb="4">
      <t>ショウナン</t>
    </rPh>
    <rPh sb="4" eb="7">
      <t>ホイクエン</t>
    </rPh>
    <phoneticPr fontId="1"/>
  </si>
  <si>
    <t>0467-75-9100</t>
    <phoneticPr fontId="1"/>
  </si>
  <si>
    <t>大磯町</t>
    <rPh sb="0" eb="3">
      <t>オオイソマチ</t>
    </rPh>
    <phoneticPr fontId="1"/>
  </si>
  <si>
    <t>サンキッズ大磯</t>
    <rPh sb="5" eb="7">
      <t>オオイソ</t>
    </rPh>
    <phoneticPr fontId="1"/>
  </si>
  <si>
    <t>0463-61-2641</t>
  </si>
  <si>
    <t>0463-71-0549</t>
  </si>
  <si>
    <t>二宮町</t>
    <rPh sb="0" eb="2">
      <t>ニノミヤ</t>
    </rPh>
    <rPh sb="2" eb="3">
      <t>マチ</t>
    </rPh>
    <phoneticPr fontId="1"/>
  </si>
  <si>
    <t>栄通り子育てサロン</t>
    <rPh sb="0" eb="1">
      <t>サカ</t>
    </rPh>
    <rPh sb="1" eb="2">
      <t>トオ</t>
    </rPh>
    <rPh sb="3" eb="5">
      <t>コソダ</t>
    </rPh>
    <phoneticPr fontId="1"/>
  </si>
  <si>
    <t>0463-71-1120</t>
    <phoneticPr fontId="1"/>
  </si>
  <si>
    <t>中里子育てサロン</t>
    <rPh sb="0" eb="2">
      <t>ナカザト</t>
    </rPh>
    <rPh sb="2" eb="4">
      <t>コソダ</t>
    </rPh>
    <phoneticPr fontId="1"/>
  </si>
  <si>
    <t>0463-71-5479</t>
    <phoneticPr fontId="1"/>
  </si>
  <si>
    <t>百合が丘保育園</t>
    <rPh sb="0" eb="2">
      <t>ユリ</t>
    </rPh>
    <rPh sb="3" eb="4">
      <t>オカ</t>
    </rPh>
    <rPh sb="4" eb="6">
      <t>ホイク</t>
    </rPh>
    <rPh sb="6" eb="7">
      <t>エン</t>
    </rPh>
    <phoneticPr fontId="1"/>
  </si>
  <si>
    <t>0463-71-9657</t>
    <phoneticPr fontId="1"/>
  </si>
  <si>
    <t>大井町</t>
    <rPh sb="0" eb="3">
      <t>オオイマチ</t>
    </rPh>
    <phoneticPr fontId="1"/>
  </si>
  <si>
    <t>大井町立　大井保育園</t>
    <rPh sb="0" eb="2">
      <t>オオイ</t>
    </rPh>
    <rPh sb="2" eb="4">
      <t>チョウリツ</t>
    </rPh>
    <rPh sb="5" eb="7">
      <t>オオイ</t>
    </rPh>
    <rPh sb="7" eb="10">
      <t>ホイクエン</t>
    </rPh>
    <phoneticPr fontId="1"/>
  </si>
  <si>
    <t>0465-82-4299</t>
    <phoneticPr fontId="1"/>
  </si>
  <si>
    <t>山北町</t>
    <rPh sb="0" eb="3">
      <t>ヤマキタマチ</t>
    </rPh>
    <phoneticPr fontId="1"/>
  </si>
  <si>
    <t>山北町立やまきたこども園</t>
    <rPh sb="0" eb="2">
      <t>ヤマキタ</t>
    </rPh>
    <rPh sb="2" eb="4">
      <t>チョウリツ</t>
    </rPh>
    <rPh sb="11" eb="12">
      <t>エン</t>
    </rPh>
    <phoneticPr fontId="1"/>
  </si>
  <si>
    <t>0465-75-1530</t>
    <phoneticPr fontId="1"/>
  </si>
  <si>
    <t>箱根町</t>
    <rPh sb="0" eb="3">
      <t>ハコネマチ</t>
    </rPh>
    <phoneticPr fontId="1"/>
  </si>
  <si>
    <t>箱根町立湯本幼児学園</t>
    <rPh sb="0" eb="2">
      <t>ハコネ</t>
    </rPh>
    <rPh sb="2" eb="4">
      <t>チョウリツ</t>
    </rPh>
    <rPh sb="4" eb="6">
      <t>ユモト</t>
    </rPh>
    <rPh sb="6" eb="8">
      <t>ヨウジ</t>
    </rPh>
    <rPh sb="8" eb="10">
      <t>ガクエン</t>
    </rPh>
    <phoneticPr fontId="1"/>
  </si>
  <si>
    <t xml:space="preserve">0460-85-5444 </t>
    <phoneticPr fontId="1"/>
  </si>
  <si>
    <t>箱根町立宮城野保育園</t>
    <rPh sb="0" eb="2">
      <t>ハコネ</t>
    </rPh>
    <rPh sb="2" eb="4">
      <t>チョウリツ</t>
    </rPh>
    <rPh sb="4" eb="7">
      <t>ミヤギノ</t>
    </rPh>
    <rPh sb="7" eb="10">
      <t>ホイクエン</t>
    </rPh>
    <phoneticPr fontId="1"/>
  </si>
  <si>
    <t>0460-82-2543</t>
    <phoneticPr fontId="1"/>
  </si>
  <si>
    <t>箱根町立仙石原幼児学園</t>
    <rPh sb="0" eb="2">
      <t>ハコネ</t>
    </rPh>
    <rPh sb="2" eb="4">
      <t>チョウリツ</t>
    </rPh>
    <rPh sb="4" eb="7">
      <t>センゴクハラ</t>
    </rPh>
    <rPh sb="7" eb="9">
      <t>ヨウジ</t>
    </rPh>
    <rPh sb="9" eb="11">
      <t>ガクエン</t>
    </rPh>
    <phoneticPr fontId="1"/>
  </si>
  <si>
    <t xml:space="preserve">0460-84-8386 </t>
    <phoneticPr fontId="1"/>
  </si>
  <si>
    <t>愛川町</t>
    <rPh sb="0" eb="2">
      <t>アイカワ</t>
    </rPh>
    <rPh sb="2" eb="3">
      <t>マチ</t>
    </rPh>
    <phoneticPr fontId="1"/>
  </si>
  <si>
    <t>愛川町立田代保育園</t>
    <rPh sb="0" eb="2">
      <t>アイカワ</t>
    </rPh>
    <rPh sb="2" eb="4">
      <t>チョウリツ</t>
    </rPh>
    <rPh sb="4" eb="6">
      <t>タシロ</t>
    </rPh>
    <rPh sb="6" eb="9">
      <t>ホイクエン</t>
    </rPh>
    <phoneticPr fontId="1"/>
  </si>
  <si>
    <t>046-281-1191</t>
    <phoneticPr fontId="1"/>
  </si>
  <si>
    <t>愛川町立中津保育園</t>
    <rPh sb="0" eb="2">
      <t>アイカワ</t>
    </rPh>
    <rPh sb="2" eb="4">
      <t>チョウリツ</t>
    </rPh>
    <rPh sb="4" eb="6">
      <t>ナカツ</t>
    </rPh>
    <rPh sb="6" eb="9">
      <t>ホイクエン</t>
    </rPh>
    <phoneticPr fontId="1"/>
  </si>
  <si>
    <t>046-285-0084</t>
    <phoneticPr fontId="1"/>
  </si>
  <si>
    <t>平塚市平塚4-20-1</t>
    <rPh sb="0" eb="2">
      <t>ヒラツカ</t>
    </rPh>
    <rPh sb="2" eb="3">
      <t>シ</t>
    </rPh>
    <phoneticPr fontId="1"/>
  </si>
  <si>
    <t>平塚市河内310</t>
    <rPh sb="0" eb="2">
      <t>ヒラツカ</t>
    </rPh>
    <rPh sb="2" eb="3">
      <t>シ</t>
    </rPh>
    <phoneticPr fontId="1"/>
  </si>
  <si>
    <t>平塚市横内3824</t>
    <rPh sb="0" eb="2">
      <t>ヒラツカ</t>
    </rPh>
    <rPh sb="2" eb="3">
      <t>シ</t>
    </rPh>
    <phoneticPr fontId="1"/>
  </si>
  <si>
    <t>平塚市万田475</t>
    <rPh sb="0" eb="3">
      <t>ヒラツカシ</t>
    </rPh>
    <phoneticPr fontId="1"/>
  </si>
  <si>
    <t>平塚市北金目2-9-24</t>
    <rPh sb="0" eb="3">
      <t>ヒラツカシ</t>
    </rPh>
    <phoneticPr fontId="1"/>
  </si>
  <si>
    <t>平塚市四之宮2-10-10</t>
    <rPh sb="0" eb="3">
      <t>ヒラツカシ</t>
    </rPh>
    <phoneticPr fontId="1"/>
  </si>
  <si>
    <t>平塚市岡崎449</t>
    <rPh sb="0" eb="3">
      <t>ヒラツカシ</t>
    </rPh>
    <phoneticPr fontId="1"/>
  </si>
  <si>
    <t>平塚市高村209-2</t>
    <rPh sb="0" eb="3">
      <t>ヒラツカシ</t>
    </rPh>
    <phoneticPr fontId="1"/>
  </si>
  <si>
    <t>平塚市平塚5-22-50</t>
    <rPh sb="0" eb="3">
      <t>ヒラツカシ</t>
    </rPh>
    <phoneticPr fontId="1"/>
  </si>
  <si>
    <t>平塚市四之宮1-8-92</t>
    <rPh sb="0" eb="3">
      <t>ヒラツカシ</t>
    </rPh>
    <phoneticPr fontId="1"/>
  </si>
  <si>
    <t>平塚市代官町19-27</t>
    <rPh sb="0" eb="3">
      <t>ヒラツカシ</t>
    </rPh>
    <phoneticPr fontId="1"/>
  </si>
  <si>
    <t>平塚市中堂8-10</t>
    <rPh sb="0" eb="3">
      <t>ヒラツカシ</t>
    </rPh>
    <phoneticPr fontId="1"/>
  </si>
  <si>
    <t>平塚市西真土3-22-39</t>
    <rPh sb="0" eb="3">
      <t>ヒラツカシ</t>
    </rPh>
    <phoneticPr fontId="1"/>
  </si>
  <si>
    <t>平塚市八重咲町1-30</t>
    <rPh sb="0" eb="3">
      <t>ヒラツカシ</t>
    </rPh>
    <phoneticPr fontId="1"/>
  </si>
  <si>
    <t>平塚市徳延655-1</t>
    <rPh sb="0" eb="3">
      <t>ヒラツカシ</t>
    </rPh>
    <phoneticPr fontId="1"/>
  </si>
  <si>
    <t>平塚市西真土１-2-16</t>
    <rPh sb="0" eb="3">
      <t>ヒラツカシ</t>
    </rPh>
    <phoneticPr fontId="1"/>
  </si>
  <si>
    <t>平塚市寺田縄1058－1</t>
    <rPh sb="0" eb="3">
      <t>ヒラツカシ</t>
    </rPh>
    <phoneticPr fontId="1"/>
  </si>
  <si>
    <t>平塚市下島824</t>
    <rPh sb="0" eb="3">
      <t>ヒラツカシ</t>
    </rPh>
    <phoneticPr fontId="1"/>
  </si>
  <si>
    <t>大磯町東町1-13-33</t>
    <rPh sb="0" eb="3">
      <t>オオイソマチ</t>
    </rPh>
    <rPh sb="3" eb="5">
      <t>ヒガシチョウ</t>
    </rPh>
    <phoneticPr fontId="1"/>
  </si>
  <si>
    <t>大磯町国府新宿152</t>
    <rPh sb="0" eb="3">
      <t>オオイソマチ</t>
    </rPh>
    <rPh sb="3" eb="5">
      <t>コクフ</t>
    </rPh>
    <rPh sb="5" eb="7">
      <t>シンジュク</t>
    </rPh>
    <phoneticPr fontId="1"/>
  </si>
  <si>
    <t>二宮町二宮832-17</t>
    <rPh sb="0" eb="3">
      <t>ニノミヤマチ</t>
    </rPh>
    <rPh sb="3" eb="5">
      <t>ニノミヤ</t>
    </rPh>
    <phoneticPr fontId="1"/>
  </si>
  <si>
    <t>二宮町中里736-5</t>
    <rPh sb="0" eb="3">
      <t>ニノミヤマチ</t>
    </rPh>
    <rPh sb="3" eb="5">
      <t>ナカザト</t>
    </rPh>
    <phoneticPr fontId="1"/>
  </si>
  <si>
    <t>二宮町百合が丘3-63</t>
    <rPh sb="0" eb="3">
      <t>ニノミヤマチ</t>
    </rPh>
    <rPh sb="3" eb="5">
      <t>ユリ</t>
    </rPh>
    <rPh sb="6" eb="7">
      <t>オカ</t>
    </rPh>
    <phoneticPr fontId="1"/>
  </si>
  <si>
    <t>大井町金子2854番地</t>
    <rPh sb="0" eb="3">
      <t>オオイマチ</t>
    </rPh>
    <rPh sb="3" eb="5">
      <t>カネコ</t>
    </rPh>
    <rPh sb="9" eb="11">
      <t>バンチ</t>
    </rPh>
    <phoneticPr fontId="1"/>
  </si>
  <si>
    <t>山北町山北1266番地</t>
    <rPh sb="0" eb="3">
      <t>ヤマキタマチ</t>
    </rPh>
    <rPh sb="3" eb="5">
      <t>ヤマキタ</t>
    </rPh>
    <rPh sb="9" eb="11">
      <t>バンチ</t>
    </rPh>
    <phoneticPr fontId="1"/>
  </si>
  <si>
    <t>箱根町湯本392</t>
    <rPh sb="0" eb="3">
      <t>ハコネマチ</t>
    </rPh>
    <rPh sb="3" eb="5">
      <t>ユモト</t>
    </rPh>
    <phoneticPr fontId="1"/>
  </si>
  <si>
    <t>箱根町宮城野140</t>
    <rPh sb="0" eb="3">
      <t>ハコネマチ</t>
    </rPh>
    <rPh sb="3" eb="6">
      <t>ミヤギノ</t>
    </rPh>
    <phoneticPr fontId="1"/>
  </si>
  <si>
    <t>箱根町仙石原981</t>
    <rPh sb="0" eb="3">
      <t>ハコネマチ</t>
    </rPh>
    <rPh sb="3" eb="4">
      <t>セン</t>
    </rPh>
    <phoneticPr fontId="1"/>
  </si>
  <si>
    <t>愛川町田代323</t>
    <rPh sb="0" eb="3">
      <t>アイカワマチ</t>
    </rPh>
    <rPh sb="3" eb="5">
      <t>タシロ</t>
    </rPh>
    <phoneticPr fontId="1"/>
  </si>
  <si>
    <t>愛川町中津544</t>
    <rPh sb="0" eb="3">
      <t>アイカワマチ</t>
    </rPh>
    <rPh sb="3" eb="5">
      <t>ナカツ</t>
    </rPh>
    <phoneticPr fontId="1"/>
  </si>
  <si>
    <t>大和市</t>
    <rPh sb="0" eb="3">
      <t>ヤマトシ</t>
    </rPh>
    <phoneticPr fontId="1"/>
  </si>
  <si>
    <t>大和市立緑野保育園</t>
    <rPh sb="0" eb="2">
      <t>ヤマト</t>
    </rPh>
    <rPh sb="2" eb="4">
      <t>シリツ</t>
    </rPh>
    <rPh sb="4" eb="5">
      <t>ミドリ</t>
    </rPh>
    <rPh sb="5" eb="6">
      <t>ノ</t>
    </rPh>
    <rPh sb="6" eb="8">
      <t>ホイク</t>
    </rPh>
    <rPh sb="8" eb="9">
      <t>エン</t>
    </rPh>
    <phoneticPr fontId="1"/>
  </si>
  <si>
    <t>大和市中央林間西4-27-12</t>
    <rPh sb="0" eb="3">
      <t>ヤマトシ</t>
    </rPh>
    <rPh sb="3" eb="7">
      <t>チュウオウリンカン</t>
    </rPh>
    <rPh sb="7" eb="8">
      <t>ニシ</t>
    </rPh>
    <phoneticPr fontId="1"/>
  </si>
  <si>
    <t>大和市立若葉保育園</t>
    <rPh sb="0" eb="2">
      <t>ヤマト</t>
    </rPh>
    <rPh sb="2" eb="4">
      <t>シリツ</t>
    </rPh>
    <rPh sb="4" eb="6">
      <t>ワカバ</t>
    </rPh>
    <rPh sb="6" eb="9">
      <t>ホイクエン</t>
    </rPh>
    <phoneticPr fontId="1"/>
  </si>
  <si>
    <t>大和市鶴間1-25-3</t>
    <rPh sb="0" eb="3">
      <t>ヤマトシ</t>
    </rPh>
    <rPh sb="3" eb="5">
      <t>ツルマ</t>
    </rPh>
    <phoneticPr fontId="1"/>
  </si>
  <si>
    <t>大和市立草柳保育園</t>
    <rPh sb="0" eb="2">
      <t>ヤマト</t>
    </rPh>
    <rPh sb="2" eb="3">
      <t>シ</t>
    </rPh>
    <rPh sb="3" eb="4">
      <t>リツ</t>
    </rPh>
    <rPh sb="4" eb="6">
      <t>クサヤナギ</t>
    </rPh>
    <rPh sb="6" eb="9">
      <t>ホイクエン</t>
    </rPh>
    <phoneticPr fontId="1"/>
  </si>
  <si>
    <t>大和市中央6-8-27</t>
    <rPh sb="0" eb="3">
      <t>ヤマトシ</t>
    </rPh>
    <rPh sb="3" eb="5">
      <t>チュウオウ</t>
    </rPh>
    <phoneticPr fontId="1"/>
  </si>
  <si>
    <t>大和市立福田保育園</t>
    <rPh sb="0" eb="2">
      <t>ヤマト</t>
    </rPh>
    <rPh sb="2" eb="4">
      <t>シリツ</t>
    </rPh>
    <rPh sb="4" eb="6">
      <t>フクダ</t>
    </rPh>
    <rPh sb="6" eb="9">
      <t>ホイクエン</t>
    </rPh>
    <phoneticPr fontId="1"/>
  </si>
  <si>
    <t>大和市福田8-22-5</t>
    <rPh sb="0" eb="3">
      <t>ヤマトシ</t>
    </rPh>
    <rPh sb="3" eb="5">
      <t>フクダ</t>
    </rPh>
    <phoneticPr fontId="1"/>
  </si>
  <si>
    <t>わらべ保育園</t>
    <rPh sb="3" eb="6">
      <t>ホイクエン</t>
    </rPh>
    <phoneticPr fontId="1"/>
  </si>
  <si>
    <t>大和市下鶴間413-6</t>
    <rPh sb="0" eb="3">
      <t>ヤマトシ</t>
    </rPh>
    <rPh sb="3" eb="6">
      <t>シモツルマ</t>
    </rPh>
    <phoneticPr fontId="1"/>
  </si>
  <si>
    <t>つきみ野湘南保育園</t>
    <rPh sb="3" eb="4">
      <t>ノ</t>
    </rPh>
    <rPh sb="4" eb="6">
      <t>ショウナン</t>
    </rPh>
    <rPh sb="6" eb="9">
      <t>ホイクエン</t>
    </rPh>
    <phoneticPr fontId="1"/>
  </si>
  <si>
    <t>大和市中央林間9-35-37</t>
    <rPh sb="0" eb="3">
      <t>ヤマトシ</t>
    </rPh>
    <rPh sb="3" eb="7">
      <t>チュウオウリンカン</t>
    </rPh>
    <phoneticPr fontId="1"/>
  </si>
  <si>
    <t>十六山保育園</t>
    <rPh sb="0" eb="2">
      <t>ジュウロク</t>
    </rPh>
    <rPh sb="2" eb="3">
      <t>ヤマ</t>
    </rPh>
    <rPh sb="3" eb="6">
      <t>ホイクエン</t>
    </rPh>
    <phoneticPr fontId="1"/>
  </si>
  <si>
    <t>大和市中央林間6-32-6</t>
    <rPh sb="0" eb="3">
      <t>ヤマトシ</t>
    </rPh>
    <rPh sb="3" eb="7">
      <t>チュウオウリンカン</t>
    </rPh>
    <phoneticPr fontId="1"/>
  </si>
  <si>
    <t>つきみ野すこやか保育園</t>
    <rPh sb="3" eb="4">
      <t>ノ</t>
    </rPh>
    <rPh sb="8" eb="11">
      <t>ホイクエン</t>
    </rPh>
    <phoneticPr fontId="1"/>
  </si>
  <si>
    <t>大和市下鶴間525</t>
    <rPh sb="0" eb="3">
      <t>ヤマトシ</t>
    </rPh>
    <rPh sb="3" eb="6">
      <t>シモツルマ</t>
    </rPh>
    <phoneticPr fontId="1"/>
  </si>
  <si>
    <t>まなびの森保育園中央林間</t>
    <rPh sb="4" eb="5">
      <t>モリ</t>
    </rPh>
    <rPh sb="5" eb="8">
      <t>ホイクエン</t>
    </rPh>
    <rPh sb="8" eb="10">
      <t>チュウオウ</t>
    </rPh>
    <rPh sb="10" eb="12">
      <t>リンカン</t>
    </rPh>
    <phoneticPr fontId="1"/>
  </si>
  <si>
    <t>大和市中央林間9-6-1</t>
    <rPh sb="0" eb="3">
      <t>ヤマトシ</t>
    </rPh>
    <rPh sb="3" eb="7">
      <t>チュウオウリンカン</t>
    </rPh>
    <phoneticPr fontId="1"/>
  </si>
  <si>
    <t>ほいくえん虹の子</t>
    <rPh sb="5" eb="6">
      <t>ニジ</t>
    </rPh>
    <rPh sb="7" eb="8">
      <t>コ</t>
    </rPh>
    <phoneticPr fontId="1"/>
  </si>
  <si>
    <t>大和市中央林間4-16-18</t>
    <rPh sb="0" eb="3">
      <t>ヤマトシ</t>
    </rPh>
    <rPh sb="3" eb="7">
      <t>チュウオウリンカン</t>
    </rPh>
    <phoneticPr fontId="1"/>
  </si>
  <si>
    <t>保育園まめわかば</t>
    <rPh sb="0" eb="3">
      <t>ホイクエン</t>
    </rPh>
    <phoneticPr fontId="1"/>
  </si>
  <si>
    <t>大和市中央林間8-4-8</t>
    <rPh sb="0" eb="3">
      <t>ヤマトシ</t>
    </rPh>
    <rPh sb="3" eb="7">
      <t>チュウオウリンカン</t>
    </rPh>
    <phoneticPr fontId="1"/>
  </si>
  <si>
    <t>ヴィラまなびの森保育園中央林間</t>
    <rPh sb="7" eb="8">
      <t>モリ</t>
    </rPh>
    <rPh sb="8" eb="11">
      <t>ホイクエン</t>
    </rPh>
    <rPh sb="11" eb="13">
      <t>チュウオウ</t>
    </rPh>
    <rPh sb="13" eb="15">
      <t>リンカン</t>
    </rPh>
    <phoneticPr fontId="1"/>
  </si>
  <si>
    <t>大和市中央林間8-4-39</t>
    <rPh sb="0" eb="3">
      <t>ヤマトシ</t>
    </rPh>
    <rPh sb="3" eb="7">
      <t>チュウオウリンカン</t>
    </rPh>
    <phoneticPr fontId="1"/>
  </si>
  <si>
    <t>大和市中央林間3-27-7</t>
    <rPh sb="0" eb="3">
      <t>ヤマトシ</t>
    </rPh>
    <rPh sb="3" eb="7">
      <t>チュウオウリンカン</t>
    </rPh>
    <phoneticPr fontId="1"/>
  </si>
  <si>
    <t>ナーサリ―スクールT&amp;Y中央林間</t>
    <rPh sb="12" eb="16">
      <t>チュウオウリンカン</t>
    </rPh>
    <phoneticPr fontId="1"/>
  </si>
  <si>
    <t>大和市中央林間8-2-28</t>
    <rPh sb="0" eb="3">
      <t>ヤマトシ</t>
    </rPh>
    <rPh sb="3" eb="7">
      <t>チュウオウリンカン</t>
    </rPh>
    <phoneticPr fontId="1"/>
  </si>
  <si>
    <t>あけぼの保育園</t>
    <rPh sb="4" eb="7">
      <t>ホイクエン</t>
    </rPh>
    <phoneticPr fontId="1"/>
  </si>
  <si>
    <t>大和市中央林間3-1-16</t>
    <rPh sb="0" eb="3">
      <t>ヤマトシ</t>
    </rPh>
    <rPh sb="3" eb="7">
      <t>チュウオウリンカン</t>
    </rPh>
    <phoneticPr fontId="1"/>
  </si>
  <si>
    <t>保育園おそらのぽっけ</t>
    <rPh sb="0" eb="3">
      <t>ホイクエン</t>
    </rPh>
    <phoneticPr fontId="1"/>
  </si>
  <si>
    <t>大和市中央林間1-21-12</t>
    <rPh sb="0" eb="3">
      <t>ヤマトシ</t>
    </rPh>
    <rPh sb="3" eb="7">
      <t>チュウオウリンカン</t>
    </rPh>
    <phoneticPr fontId="1"/>
  </si>
  <si>
    <t>もこもこ保育園</t>
    <rPh sb="4" eb="7">
      <t>ホイクエン</t>
    </rPh>
    <phoneticPr fontId="1"/>
  </si>
  <si>
    <t>大和市中央林間4-21-3</t>
    <rPh sb="0" eb="3">
      <t>ヤマトシ</t>
    </rPh>
    <rPh sb="3" eb="7">
      <t>チュウオウリンカン</t>
    </rPh>
    <phoneticPr fontId="1"/>
  </si>
  <si>
    <t>大和つきみ野雲母保育園</t>
    <rPh sb="0" eb="2">
      <t>ヤマト</t>
    </rPh>
    <rPh sb="5" eb="6">
      <t>ノ</t>
    </rPh>
    <rPh sb="6" eb="8">
      <t>キララ</t>
    </rPh>
    <rPh sb="8" eb="11">
      <t>ホイクエン</t>
    </rPh>
    <phoneticPr fontId="1"/>
  </si>
  <si>
    <t>大和市つきみ野3-14-1</t>
    <rPh sb="0" eb="3">
      <t>ヤマトシ</t>
    </rPh>
    <rPh sb="6" eb="7">
      <t>ノ</t>
    </rPh>
    <phoneticPr fontId="1"/>
  </si>
  <si>
    <t>中央林間もりのこ保育園</t>
    <rPh sb="0" eb="4">
      <t>チュウオウリンカン</t>
    </rPh>
    <rPh sb="8" eb="11">
      <t>ホイクエン</t>
    </rPh>
    <phoneticPr fontId="1"/>
  </si>
  <si>
    <t>大和市中央林間西5-14-14</t>
    <rPh sb="0" eb="3">
      <t>ヤマトシ</t>
    </rPh>
    <rPh sb="3" eb="7">
      <t>チュウオウリンカン</t>
    </rPh>
    <rPh sb="7" eb="8">
      <t>ニシ</t>
    </rPh>
    <phoneticPr fontId="1"/>
  </si>
  <si>
    <t>モニカ保育園</t>
    <rPh sb="3" eb="6">
      <t>ホイクエン</t>
    </rPh>
    <phoneticPr fontId="1"/>
  </si>
  <si>
    <t>大和市林間2-6-14</t>
    <rPh sb="0" eb="3">
      <t>ヤマトシ</t>
    </rPh>
    <rPh sb="3" eb="5">
      <t>リンカン</t>
    </rPh>
    <phoneticPr fontId="1"/>
  </si>
  <si>
    <t>木の子保育園</t>
    <rPh sb="0" eb="1">
      <t>キ</t>
    </rPh>
    <rPh sb="2" eb="3">
      <t>コ</t>
    </rPh>
    <rPh sb="3" eb="6">
      <t>ホイクエン</t>
    </rPh>
    <phoneticPr fontId="1"/>
  </si>
  <si>
    <t>大和市下鶴間1816-1</t>
    <rPh sb="0" eb="3">
      <t>ヤマトシ</t>
    </rPh>
    <rPh sb="3" eb="6">
      <t>シモツルマ</t>
    </rPh>
    <phoneticPr fontId="1"/>
  </si>
  <si>
    <t>ふたば林間保育園</t>
    <rPh sb="3" eb="5">
      <t>リンカン</t>
    </rPh>
    <rPh sb="5" eb="8">
      <t>ホイクエン</t>
    </rPh>
    <phoneticPr fontId="1"/>
  </si>
  <si>
    <t>あっぷる園
あっぷる園　分園</t>
    <rPh sb="4" eb="5">
      <t>エン</t>
    </rPh>
    <rPh sb="10" eb="11">
      <t>エン</t>
    </rPh>
    <rPh sb="12" eb="14">
      <t>ブンエン</t>
    </rPh>
    <phoneticPr fontId="1"/>
  </si>
  <si>
    <t>アスク南林間保育園</t>
    <rPh sb="3" eb="6">
      <t>ミナミリンカン</t>
    </rPh>
    <rPh sb="6" eb="9">
      <t>ホイクエン</t>
    </rPh>
    <phoneticPr fontId="1"/>
  </si>
  <si>
    <t>大和市林間1-3-27</t>
    <rPh sb="0" eb="3">
      <t>ヤマトシ</t>
    </rPh>
    <rPh sb="3" eb="5">
      <t>リンカン</t>
    </rPh>
    <phoneticPr fontId="1"/>
  </si>
  <si>
    <t>南林間保育園</t>
    <rPh sb="0" eb="3">
      <t>ミナミリンカン</t>
    </rPh>
    <rPh sb="3" eb="6">
      <t>ホイクエン</t>
    </rPh>
    <phoneticPr fontId="1"/>
  </si>
  <si>
    <t>大和市南林間7-21-26</t>
    <rPh sb="0" eb="3">
      <t>ヤマトシ</t>
    </rPh>
    <rPh sb="3" eb="6">
      <t>ミナミリンカン</t>
    </rPh>
    <phoneticPr fontId="1"/>
  </si>
  <si>
    <t>アスク鶴間保育園</t>
    <rPh sb="3" eb="5">
      <t>ツルマ</t>
    </rPh>
    <rPh sb="5" eb="8">
      <t>ホイクエン</t>
    </rPh>
    <phoneticPr fontId="1"/>
  </si>
  <si>
    <t>大和市下鶴間2785-10</t>
    <rPh sb="0" eb="3">
      <t>ヤマトシ</t>
    </rPh>
    <rPh sb="3" eb="6">
      <t>シモツルマ</t>
    </rPh>
    <phoneticPr fontId="1"/>
  </si>
  <si>
    <t>大和南林間雲母保育園</t>
    <rPh sb="0" eb="2">
      <t>ヤマト</t>
    </rPh>
    <rPh sb="2" eb="5">
      <t>ミナミリンカン</t>
    </rPh>
    <rPh sb="5" eb="7">
      <t>キララ</t>
    </rPh>
    <rPh sb="7" eb="10">
      <t>ホイクエン</t>
    </rPh>
    <phoneticPr fontId="1"/>
  </si>
  <si>
    <t>大和市南林間1-13-6</t>
    <rPh sb="0" eb="3">
      <t>ヤマトシ</t>
    </rPh>
    <rPh sb="3" eb="6">
      <t>ミナミリンカン</t>
    </rPh>
    <phoneticPr fontId="1"/>
  </si>
  <si>
    <t>保育園おひさまのほっぺ</t>
    <rPh sb="0" eb="3">
      <t>ホイクエン</t>
    </rPh>
    <phoneticPr fontId="1"/>
  </si>
  <si>
    <t>大和市下鶴間2748-2</t>
    <rPh sb="0" eb="3">
      <t>ヤマトシ</t>
    </rPh>
    <rPh sb="3" eb="6">
      <t>シモツルマ</t>
    </rPh>
    <phoneticPr fontId="1"/>
  </si>
  <si>
    <t>大和ひまわり保育園
大和ひまわり保育園　分園</t>
    <rPh sb="0" eb="2">
      <t>ヤマト</t>
    </rPh>
    <rPh sb="6" eb="9">
      <t>ホイクエン</t>
    </rPh>
    <rPh sb="10" eb="12">
      <t>ヤマト</t>
    </rPh>
    <rPh sb="16" eb="19">
      <t>ホイクエン</t>
    </rPh>
    <rPh sb="20" eb="22">
      <t>ブンエン</t>
    </rPh>
    <phoneticPr fontId="1"/>
  </si>
  <si>
    <t>大和市西鶴間4-12-34</t>
    <rPh sb="0" eb="3">
      <t>ヤマトシ</t>
    </rPh>
    <rPh sb="3" eb="6">
      <t>ニシツルマ</t>
    </rPh>
    <phoneticPr fontId="1"/>
  </si>
  <si>
    <t>若草保育園</t>
    <rPh sb="0" eb="2">
      <t>ワカクサ</t>
    </rPh>
    <rPh sb="2" eb="5">
      <t>ホイクエン</t>
    </rPh>
    <phoneticPr fontId="1"/>
  </si>
  <si>
    <t>大和市西鶴間8-4-20</t>
    <rPh sb="0" eb="3">
      <t>ヤマトシ</t>
    </rPh>
    <rPh sb="3" eb="6">
      <t>ニシツルマ</t>
    </rPh>
    <phoneticPr fontId="1"/>
  </si>
  <si>
    <t>アスク大和東保育園</t>
    <rPh sb="3" eb="5">
      <t>ヤマト</t>
    </rPh>
    <rPh sb="5" eb="6">
      <t>ヒガシ</t>
    </rPh>
    <rPh sb="6" eb="9">
      <t>ホイクエン</t>
    </rPh>
    <phoneticPr fontId="1"/>
  </si>
  <si>
    <t>大和市大和東2-7-11</t>
    <rPh sb="0" eb="3">
      <t>ヤマトシ</t>
    </rPh>
    <rPh sb="3" eb="5">
      <t>ヤマト</t>
    </rPh>
    <rPh sb="5" eb="6">
      <t>ヒガシ</t>
    </rPh>
    <phoneticPr fontId="1"/>
  </si>
  <si>
    <t>深見台保育園</t>
    <rPh sb="0" eb="3">
      <t>フカミダイ</t>
    </rPh>
    <rPh sb="3" eb="6">
      <t>ホイクエン</t>
    </rPh>
    <phoneticPr fontId="1"/>
  </si>
  <si>
    <t>大和市深見台4-10-23</t>
    <rPh sb="0" eb="3">
      <t>ヤマトシ</t>
    </rPh>
    <rPh sb="3" eb="5">
      <t>フカミ</t>
    </rPh>
    <rPh sb="5" eb="6">
      <t>ダイ</t>
    </rPh>
    <phoneticPr fontId="1"/>
  </si>
  <si>
    <t>大和市桜森3-5-25　　　　　　　　　　　大和市桜森3-4-13ｽｸｴｱⅢ　1F</t>
    <rPh sb="0" eb="3">
      <t>ヤマトシ</t>
    </rPh>
    <rPh sb="3" eb="5">
      <t>サクラモリ</t>
    </rPh>
    <rPh sb="22" eb="25">
      <t>ヤマトシ</t>
    </rPh>
    <rPh sb="25" eb="27">
      <t>サクラモリ</t>
    </rPh>
    <phoneticPr fontId="1"/>
  </si>
  <si>
    <t>たんぽぽ保育園</t>
    <rPh sb="4" eb="7">
      <t>ホイクエン</t>
    </rPh>
    <phoneticPr fontId="1"/>
  </si>
  <si>
    <t>とこちゃん　のりまき保育園</t>
    <rPh sb="10" eb="13">
      <t>ホイクエン</t>
    </rPh>
    <phoneticPr fontId="1"/>
  </si>
  <si>
    <t>大和市中央1-3-8　ｴﾄﾜｰﾙﾔﾏﾄ101</t>
    <rPh sb="0" eb="3">
      <t>ヤマトシ</t>
    </rPh>
    <rPh sb="3" eb="5">
      <t>チュウオウ</t>
    </rPh>
    <phoneticPr fontId="1"/>
  </si>
  <si>
    <t>とこちゃん　おだんご保育園</t>
    <rPh sb="10" eb="13">
      <t>ホイクエン</t>
    </rPh>
    <phoneticPr fontId="1"/>
  </si>
  <si>
    <t>大和市中央1-3-8　ｴﾄﾜｰﾙﾔﾏﾄ102</t>
    <rPh sb="0" eb="3">
      <t>ヤマトシ</t>
    </rPh>
    <rPh sb="3" eb="5">
      <t>チュウオウ</t>
    </rPh>
    <phoneticPr fontId="1"/>
  </si>
  <si>
    <t>大和市下和田763-4</t>
    <rPh sb="0" eb="3">
      <t>ヤマトシ</t>
    </rPh>
    <rPh sb="3" eb="6">
      <t>シモワダ</t>
    </rPh>
    <phoneticPr fontId="1"/>
  </si>
  <si>
    <t>大和市子育て支援施設
きらきらぼし</t>
    <rPh sb="0" eb="3">
      <t>ヤマトシ</t>
    </rPh>
    <rPh sb="3" eb="5">
      <t>コソダ</t>
    </rPh>
    <rPh sb="6" eb="8">
      <t>シエン</t>
    </rPh>
    <rPh sb="8" eb="10">
      <t>シセツ</t>
    </rPh>
    <phoneticPr fontId="1"/>
  </si>
  <si>
    <t>大和市中央林間4－12－1
中央林間東急ｽｸｴｱ3F</t>
    <rPh sb="0" eb="3">
      <t>ヤマトシ</t>
    </rPh>
    <rPh sb="3" eb="7">
      <t>チュウオウリンカン</t>
    </rPh>
    <rPh sb="14" eb="18">
      <t>チュウオウリンカン</t>
    </rPh>
    <rPh sb="18" eb="20">
      <t>トウキュウ</t>
    </rPh>
    <phoneticPr fontId="1"/>
  </si>
  <si>
    <t>046-274-4769</t>
    <phoneticPr fontId="1"/>
  </si>
  <si>
    <t>046-261-3603</t>
    <phoneticPr fontId="1"/>
  </si>
  <si>
    <t>046-264-1919</t>
    <phoneticPr fontId="1"/>
  </si>
  <si>
    <t>046-267-0995</t>
    <phoneticPr fontId="1"/>
  </si>
  <si>
    <t>046-273-0600</t>
    <phoneticPr fontId="1"/>
  </si>
  <si>
    <t>046-240-7185</t>
    <phoneticPr fontId="1"/>
  </si>
  <si>
    <t>046-274-2123</t>
    <phoneticPr fontId="1"/>
  </si>
  <si>
    <t>046-273-0400</t>
    <phoneticPr fontId="1"/>
  </si>
  <si>
    <t>046-275-0880</t>
    <phoneticPr fontId="1"/>
  </si>
  <si>
    <t>046-219-3722</t>
    <phoneticPr fontId="1"/>
  </si>
  <si>
    <t>046-275-8777</t>
    <phoneticPr fontId="1"/>
  </si>
  <si>
    <t>046-276-3600</t>
    <phoneticPr fontId="1"/>
  </si>
  <si>
    <t>キンダーガーデンりんかん</t>
    <phoneticPr fontId="1"/>
  </si>
  <si>
    <t>046-277-8010</t>
    <phoneticPr fontId="1"/>
  </si>
  <si>
    <t>046-244-0323</t>
    <phoneticPr fontId="1"/>
  </si>
  <si>
    <t>046-274-7895</t>
    <phoneticPr fontId="1"/>
  </si>
  <si>
    <t>046-277-2480</t>
    <phoneticPr fontId="1"/>
  </si>
  <si>
    <t>046-278-2720</t>
    <phoneticPr fontId="1"/>
  </si>
  <si>
    <t>046-273-8066</t>
    <phoneticPr fontId="1"/>
  </si>
  <si>
    <t>046-275-8010</t>
    <phoneticPr fontId="1"/>
  </si>
  <si>
    <t>046-244-0955</t>
    <phoneticPr fontId="1"/>
  </si>
  <si>
    <t>046-272-2844　　　046-409-0626</t>
    <phoneticPr fontId="1"/>
  </si>
  <si>
    <t>046-278-1615</t>
    <phoneticPr fontId="1"/>
  </si>
  <si>
    <t>046-278-2662</t>
    <phoneticPr fontId="1"/>
  </si>
  <si>
    <t>046-278-1223</t>
    <phoneticPr fontId="1"/>
  </si>
  <si>
    <t>046-271-7221</t>
    <phoneticPr fontId="1"/>
  </si>
  <si>
    <t>046-264-3667</t>
    <phoneticPr fontId="1"/>
  </si>
  <si>
    <t>046-276-0008　　　　046-276-3883</t>
    <phoneticPr fontId="1"/>
  </si>
  <si>
    <t>046-200-3501</t>
    <phoneticPr fontId="1"/>
  </si>
  <si>
    <t>046-263-9300</t>
    <phoneticPr fontId="1"/>
  </si>
  <si>
    <t>046-259-5206　　　046-204-7608</t>
    <phoneticPr fontId="1"/>
  </si>
  <si>
    <t>046-262-6685</t>
    <phoneticPr fontId="1"/>
  </si>
  <si>
    <t>046-269-7423</t>
    <phoneticPr fontId="1"/>
  </si>
  <si>
    <t>046-259-6094</t>
    <phoneticPr fontId="1"/>
  </si>
  <si>
    <t>046-272-1140</t>
    <phoneticPr fontId="1"/>
  </si>
  <si>
    <t>046-276-1050</t>
    <phoneticPr fontId="1"/>
  </si>
  <si>
    <t>046-206-5524</t>
    <phoneticPr fontId="1"/>
  </si>
  <si>
    <t>046-244-4458</t>
    <phoneticPr fontId="1"/>
  </si>
  <si>
    <t>ハミングきっず</t>
    <phoneticPr fontId="1"/>
  </si>
  <si>
    <t>海老名市</t>
  </si>
  <si>
    <t>046-232-1876</t>
  </si>
  <si>
    <t>たちばな保育園</t>
  </si>
  <si>
    <t>海老名市浜田町23番14号</t>
  </si>
  <si>
    <t>046-231-5831</t>
  </si>
  <si>
    <t>つちのこ保育園</t>
  </si>
  <si>
    <t>046-238-3707</t>
  </si>
  <si>
    <t>保育所すこやかハウス</t>
  </si>
  <si>
    <t>046-234-4152</t>
  </si>
  <si>
    <t>かしわ台あおぞら保育園</t>
  </si>
  <si>
    <t>046-236-0522</t>
  </si>
  <si>
    <t>さくらい保育園</t>
  </si>
  <si>
    <t>海老名市上今泉一丁目14番33号</t>
  </si>
  <si>
    <t>046-235-8150</t>
  </si>
  <si>
    <t>虹の子保育園</t>
  </si>
  <si>
    <t>海老名市中新田二丁目21番24号</t>
  </si>
  <si>
    <t>046-233-5941</t>
  </si>
  <si>
    <t>にんじん村保育園</t>
  </si>
  <si>
    <t>海老名市東柏ケ谷五丁目11番41号</t>
  </si>
  <si>
    <t>046-232-3245</t>
  </si>
  <si>
    <t>社家ゆめいろ保育園</t>
  </si>
  <si>
    <t>046-238-8686</t>
  </si>
  <si>
    <t>えびなの風保育園</t>
  </si>
  <si>
    <t>046-206-5481</t>
  </si>
  <si>
    <t>おひさま保育園</t>
  </si>
  <si>
    <t>046-236-2300</t>
  </si>
  <si>
    <t>ナーサリースクールＴ＆Ｙ本郷</t>
  </si>
  <si>
    <t>海老名市本郷2693番地</t>
  </si>
  <si>
    <t>046-259-8631</t>
  </si>
  <si>
    <t>ひなた保育園</t>
  </si>
  <si>
    <t>海老名市国分北四丁目12番28号</t>
  </si>
  <si>
    <t>046-259-6871</t>
  </si>
  <si>
    <t>キンダーガーデンえびな</t>
  </si>
  <si>
    <t>海老名市上郷一丁目10番25号</t>
  </si>
  <si>
    <t>046-292-7088</t>
  </si>
  <si>
    <t>にこにこ保育園</t>
  </si>
  <si>
    <t>厚木市</t>
    <rPh sb="0" eb="3">
      <t>アツギシ</t>
    </rPh>
    <phoneticPr fontId="1"/>
  </si>
  <si>
    <t>相川保育所</t>
  </si>
  <si>
    <t>厚木市下津古久710-１</t>
  </si>
  <si>
    <t>046-225-2257</t>
  </si>
  <si>
    <t>小鮎保育所</t>
  </si>
  <si>
    <t>厚木市飯山4232-１</t>
  </si>
  <si>
    <t>046-225-2259</t>
  </si>
  <si>
    <t>玉川保育所</t>
  </si>
  <si>
    <t>厚木市七沢162</t>
    <rPh sb="0" eb="3">
      <t>アツギシ</t>
    </rPh>
    <phoneticPr fontId="1"/>
  </si>
  <si>
    <t>046-225-2260</t>
  </si>
  <si>
    <t>南毛利保育所</t>
  </si>
  <si>
    <t>厚木市長谷1247</t>
    <rPh sb="0" eb="3">
      <t>アツギシ</t>
    </rPh>
    <phoneticPr fontId="1"/>
  </si>
  <si>
    <t>046-225-2261</t>
  </si>
  <si>
    <t>妻田保育園</t>
  </si>
  <si>
    <t>046-222-2632</t>
  </si>
  <si>
    <t>YMCAあつぎ保育園ホサナ</t>
  </si>
  <si>
    <t>046-222-8619</t>
  </si>
  <si>
    <t>保育園ＶｉＶｉ</t>
  </si>
  <si>
    <t>046-294-3003</t>
  </si>
  <si>
    <t>けいわ保育園</t>
  </si>
  <si>
    <t>046-221-4570</t>
  </si>
  <si>
    <t>あゆのこ保育園</t>
  </si>
  <si>
    <t>厚木市恩名１-10-38</t>
  </si>
  <si>
    <t>046-296-5177</t>
  </si>
  <si>
    <t>キンダーガーデンこばと</t>
  </si>
  <si>
    <t>046-220-6333</t>
  </si>
  <si>
    <t>けいわ星の子保育園</t>
  </si>
  <si>
    <t>046-290-2040</t>
  </si>
  <si>
    <t>愛歩保育園</t>
  </si>
  <si>
    <t>厚木市下荻野1284-１</t>
  </si>
  <si>
    <t>046-243-4500</t>
  </si>
  <si>
    <t>おひさまっこ保育園</t>
  </si>
  <si>
    <t>はぐくみの丘保育園</t>
  </si>
  <si>
    <t>厚木市長谷1128-１</t>
  </si>
  <si>
    <t>046-290-2033</t>
  </si>
  <si>
    <t>もみじ保育園</t>
  </si>
  <si>
    <t>046-244-4670</t>
  </si>
  <si>
    <t>保育園コスモス</t>
  </si>
  <si>
    <t>厚木市愛名31－12</t>
  </si>
  <si>
    <t>046-248-1919</t>
  </si>
  <si>
    <t>本厚木ふたば保育園</t>
  </si>
  <si>
    <t>046-295-2525</t>
  </si>
  <si>
    <t>厚木こばと保育園</t>
  </si>
  <si>
    <t>046-222-5810</t>
  </si>
  <si>
    <t>本厚木さくらんぼ保育園</t>
  </si>
  <si>
    <t>046-224-3184</t>
  </si>
  <si>
    <t>湘南カトレア保育園</t>
  </si>
  <si>
    <t>046-223-8876</t>
  </si>
  <si>
    <t>くれよん保育室</t>
  </si>
  <si>
    <t>046-281-8056</t>
  </si>
  <si>
    <t>ナーサリースクールT&amp;Y本厚木</t>
  </si>
  <si>
    <t>046-204-7103</t>
  </si>
  <si>
    <t>厚木ふじの花保育園</t>
  </si>
  <si>
    <t>046-265-0503</t>
  </si>
  <si>
    <t>厚木・あさひ保育園</t>
    <rPh sb="0" eb="2">
      <t>アツギ</t>
    </rPh>
    <rPh sb="6" eb="9">
      <t>ホイクエン</t>
    </rPh>
    <phoneticPr fontId="1"/>
  </si>
  <si>
    <t>046-258-6385</t>
  </si>
  <si>
    <t>翼咲保育園</t>
  </si>
  <si>
    <t>厚木市妻田南１-17-34</t>
  </si>
  <si>
    <t>046-200-9966</t>
  </si>
  <si>
    <t>厚木こばと保育園（水引園）</t>
  </si>
  <si>
    <t>046-222-1174</t>
  </si>
  <si>
    <t>ひばり幼育園</t>
  </si>
  <si>
    <t>046-224-6394</t>
  </si>
  <si>
    <t>ちっちゃな保育園たろうとはなこ</t>
  </si>
  <si>
    <t>046-240-6008</t>
  </si>
  <si>
    <t>そよかぜ保育園</t>
  </si>
  <si>
    <t>マーガレット保育園</t>
  </si>
  <si>
    <t>046-297-0250</t>
  </si>
  <si>
    <t>Ｔｙ厚木保育園</t>
  </si>
  <si>
    <t>046-205-6915</t>
  </si>
  <si>
    <t>はやし幼稚園</t>
  </si>
  <si>
    <t>046-223-0710</t>
  </si>
  <si>
    <t>厚木緑ヶ丘幼稚園</t>
  </si>
  <si>
    <t>046-221-0242</t>
  </si>
  <si>
    <t>厚木幼稚園</t>
  </si>
  <si>
    <t>046-229-0491</t>
  </si>
  <si>
    <t>小鮎幼稚園</t>
  </si>
  <si>
    <t>046-241-1423</t>
  </si>
  <si>
    <t>046-206-4128</t>
  </si>
  <si>
    <t>開成町</t>
    <rPh sb="0" eb="3">
      <t>カイセイマチ</t>
    </rPh>
    <phoneticPr fontId="1"/>
  </si>
  <si>
    <t>酒田保育園</t>
    <rPh sb="0" eb="2">
      <t>サカタ</t>
    </rPh>
    <rPh sb="2" eb="5">
      <t>ホイクエン</t>
    </rPh>
    <phoneticPr fontId="1"/>
  </si>
  <si>
    <t>0465-82-2277</t>
  </si>
  <si>
    <t>酒田みずのべ保育園</t>
    <rPh sb="0" eb="2">
      <t>サカタ</t>
    </rPh>
    <rPh sb="6" eb="9">
      <t>ホイクエン</t>
    </rPh>
    <phoneticPr fontId="1"/>
  </si>
  <si>
    <t>0465-85-0305</t>
  </si>
  <si>
    <t>幼保連携型認定こども園
サンキッズ国府</t>
    <rPh sb="0" eb="1">
      <t>ヨウ</t>
    </rPh>
    <rPh sb="1" eb="2">
      <t>ホ</t>
    </rPh>
    <rPh sb="2" eb="5">
      <t>レンケイガタ</t>
    </rPh>
    <rPh sb="5" eb="7">
      <t>ニンテイ</t>
    </rPh>
    <rPh sb="10" eb="11">
      <t>エン</t>
    </rPh>
    <rPh sb="17" eb="19">
      <t>コクフ</t>
    </rPh>
    <phoneticPr fontId="1"/>
  </si>
  <si>
    <t>あつぎ市民交流プラザ託児室
「わたぐも」</t>
    <phoneticPr fontId="1"/>
  </si>
  <si>
    <t>伊勢原市</t>
    <rPh sb="0" eb="4">
      <t>イセハラシ</t>
    </rPh>
    <phoneticPr fontId="1"/>
  </si>
  <si>
    <t>伊勢原愛児園</t>
    <rPh sb="0" eb="3">
      <t>イセハラ</t>
    </rPh>
    <rPh sb="3" eb="5">
      <t>アイジ</t>
    </rPh>
    <rPh sb="5" eb="6">
      <t>エン</t>
    </rPh>
    <phoneticPr fontId="1"/>
  </si>
  <si>
    <t>伊勢原市沼目2-6-3</t>
    <rPh sb="0" eb="4">
      <t>イセハラシ</t>
    </rPh>
    <rPh sb="4" eb="6">
      <t>ヌマメ</t>
    </rPh>
    <phoneticPr fontId="1"/>
  </si>
  <si>
    <t>0463-95-1235</t>
  </si>
  <si>
    <t>ベルガーデン保育園</t>
    <rPh sb="6" eb="9">
      <t>ホイクエン</t>
    </rPh>
    <phoneticPr fontId="1"/>
  </si>
  <si>
    <t>伊勢原市東大竹2-2-1</t>
    <rPh sb="0" eb="4">
      <t>イセハラシ</t>
    </rPh>
    <rPh sb="4" eb="5">
      <t>ヒガシ</t>
    </rPh>
    <rPh sb="5" eb="7">
      <t>オオタケ</t>
    </rPh>
    <phoneticPr fontId="1"/>
  </si>
  <si>
    <t>0463-93-3033</t>
  </si>
  <si>
    <t>林台保育園</t>
    <rPh sb="0" eb="1">
      <t>ハヤシ</t>
    </rPh>
    <rPh sb="1" eb="2">
      <t>ダイ</t>
    </rPh>
    <rPh sb="2" eb="5">
      <t>ホイクエン</t>
    </rPh>
    <phoneticPr fontId="1"/>
  </si>
  <si>
    <t>伊勢原市粟窪210-1</t>
    <rPh sb="0" eb="4">
      <t>イセハラシ</t>
    </rPh>
    <rPh sb="4" eb="6">
      <t>アワクボ</t>
    </rPh>
    <phoneticPr fontId="1"/>
  </si>
  <si>
    <t>0463-93-1007</t>
  </si>
  <si>
    <t>伊勢原ふたば保育園</t>
    <rPh sb="0" eb="3">
      <t>イセハラ</t>
    </rPh>
    <rPh sb="6" eb="9">
      <t>ホイクエン</t>
    </rPh>
    <phoneticPr fontId="1"/>
  </si>
  <si>
    <t>伊勢原市高森1391-3</t>
    <rPh sb="0" eb="4">
      <t>イセハラシ</t>
    </rPh>
    <rPh sb="4" eb="6">
      <t>タカモリ</t>
    </rPh>
    <phoneticPr fontId="1"/>
  </si>
  <si>
    <t>0463-92-6226</t>
  </si>
  <si>
    <t>リスブラン保育園</t>
    <rPh sb="5" eb="8">
      <t>ホイクエン</t>
    </rPh>
    <phoneticPr fontId="1"/>
  </si>
  <si>
    <t>伊勢原市池端536</t>
    <rPh sb="0" eb="4">
      <t>イセハラシ</t>
    </rPh>
    <phoneticPr fontId="1"/>
  </si>
  <si>
    <t>0463-91-0050</t>
  </si>
  <si>
    <t>伊勢原こばと保育所</t>
    <rPh sb="0" eb="3">
      <t>イセハラ</t>
    </rPh>
    <rPh sb="6" eb="8">
      <t>ホイク</t>
    </rPh>
    <rPh sb="8" eb="9">
      <t>ショ</t>
    </rPh>
    <phoneticPr fontId="1"/>
  </si>
  <si>
    <t>伊勢原市池端502</t>
    <rPh sb="0" eb="4">
      <t>イセハラシ</t>
    </rPh>
    <phoneticPr fontId="1"/>
  </si>
  <si>
    <t>0463-93-4414</t>
  </si>
  <si>
    <t>比々多保育園</t>
    <rPh sb="0" eb="3">
      <t>ヒビタ</t>
    </rPh>
    <rPh sb="3" eb="6">
      <t>ホイクエン</t>
    </rPh>
    <phoneticPr fontId="1"/>
  </si>
  <si>
    <t>伊勢原市坪ノ内80-1</t>
    <rPh sb="0" eb="4">
      <t>イセハラシ</t>
    </rPh>
    <rPh sb="4" eb="5">
      <t>ツボ</t>
    </rPh>
    <rPh sb="6" eb="7">
      <t>ウチ</t>
    </rPh>
    <phoneticPr fontId="1"/>
  </si>
  <si>
    <t>0463-93-1390</t>
  </si>
  <si>
    <t>ピュアキッズ大原</t>
    <rPh sb="6" eb="8">
      <t>オオハラ</t>
    </rPh>
    <phoneticPr fontId="1"/>
  </si>
  <si>
    <t>伊勢原市桜台1-15-27Ｍﾋﾞﾙ1F</t>
    <rPh sb="0" eb="4">
      <t>イセハラシ</t>
    </rPh>
    <phoneticPr fontId="1"/>
  </si>
  <si>
    <t>0463-93-0812</t>
  </si>
  <si>
    <t>中井町</t>
    <rPh sb="0" eb="2">
      <t>ナカイ</t>
    </rPh>
    <rPh sb="2" eb="3">
      <t>マチ</t>
    </rPh>
    <phoneticPr fontId="1"/>
  </si>
  <si>
    <t>0465-81-0243</t>
  </si>
  <si>
    <t>なかいこども園</t>
    <rPh sb="6" eb="7">
      <t>エン</t>
    </rPh>
    <phoneticPr fontId="1"/>
  </si>
  <si>
    <t>0465-81-1128</t>
  </si>
  <si>
    <t>葉山町</t>
    <rPh sb="0" eb="3">
      <t>ハヤママチ</t>
    </rPh>
    <phoneticPr fontId="1"/>
  </si>
  <si>
    <t>葉山町一色1493-1</t>
    <rPh sb="0" eb="3">
      <t>ハヤママチ</t>
    </rPh>
    <rPh sb="3" eb="5">
      <t>イッシキ</t>
    </rPh>
    <phoneticPr fontId="4"/>
  </si>
  <si>
    <t>046-876-4152</t>
  </si>
  <si>
    <t>葉山にこにこ保育園</t>
    <rPh sb="0" eb="2">
      <t>ハヤマ</t>
    </rPh>
    <rPh sb="6" eb="9">
      <t>ホイクエン</t>
    </rPh>
    <phoneticPr fontId="4"/>
  </si>
  <si>
    <t>葉山町長柄991-1</t>
    <rPh sb="0" eb="3">
      <t>ハヤママチ</t>
    </rPh>
    <rPh sb="3" eb="5">
      <t>ナガエ</t>
    </rPh>
    <phoneticPr fontId="4"/>
  </si>
  <si>
    <t>046-875-2324</t>
  </si>
  <si>
    <t>社会福祉法人 真和会
木之花保育園</t>
    <rPh sb="11" eb="12">
      <t>キ</t>
    </rPh>
    <rPh sb="12" eb="13">
      <t>ノ</t>
    </rPh>
    <rPh sb="13" eb="14">
      <t>ハナ</t>
    </rPh>
    <rPh sb="14" eb="17">
      <t>ホイクエン</t>
    </rPh>
    <phoneticPr fontId="1"/>
  </si>
  <si>
    <t>松田町</t>
    <rPh sb="0" eb="3">
      <t>マツダマチ</t>
    </rPh>
    <phoneticPr fontId="1"/>
  </si>
  <si>
    <t>松田さくら保育園</t>
    <rPh sb="0" eb="2">
      <t>マツダ</t>
    </rPh>
    <rPh sb="5" eb="8">
      <t>ホイクエン</t>
    </rPh>
    <phoneticPr fontId="1"/>
  </si>
  <si>
    <t>0465-46-8300</t>
    <phoneticPr fontId="1"/>
  </si>
  <si>
    <t>相模原市</t>
    <rPh sb="0" eb="4">
      <t>サガミハラシ</t>
    </rPh>
    <phoneticPr fontId="1"/>
  </si>
  <si>
    <t>相模原市立麻溝台保育園</t>
    <rPh sb="0" eb="5">
      <t>サガミハラシリツ</t>
    </rPh>
    <phoneticPr fontId="6"/>
  </si>
  <si>
    <t>042-742-6653</t>
    <phoneticPr fontId="1"/>
  </si>
  <si>
    <t>相模原市立田名保育園</t>
    <phoneticPr fontId="6"/>
  </si>
  <si>
    <t>042-761-0905</t>
    <phoneticPr fontId="1"/>
  </si>
  <si>
    <t>相模原市立相模原保育園</t>
    <phoneticPr fontId="6"/>
  </si>
  <si>
    <t>042-753-2288</t>
    <phoneticPr fontId="1"/>
  </si>
  <si>
    <t>相模原市立東林保育園</t>
    <phoneticPr fontId="6"/>
  </si>
  <si>
    <t>042-742-2763</t>
    <phoneticPr fontId="1"/>
  </si>
  <si>
    <t>相模原市立南上溝保育園</t>
    <phoneticPr fontId="6"/>
  </si>
  <si>
    <t>042-756-3140</t>
    <phoneticPr fontId="1"/>
  </si>
  <si>
    <t>相模原市立上矢部保育園</t>
    <phoneticPr fontId="6"/>
  </si>
  <si>
    <t>042-755-3297</t>
    <phoneticPr fontId="1"/>
  </si>
  <si>
    <t>相模原市立麻溝保育園</t>
    <phoneticPr fontId="6"/>
  </si>
  <si>
    <t>042-778-3752</t>
    <phoneticPr fontId="1"/>
  </si>
  <si>
    <t>相模原市立相武台保育園</t>
    <phoneticPr fontId="6"/>
  </si>
  <si>
    <t>042-255-1149</t>
    <phoneticPr fontId="1"/>
  </si>
  <si>
    <t>相模原市立津久井中央保育園</t>
    <rPh sb="5" eb="8">
      <t>ツクイ</t>
    </rPh>
    <rPh sb="8" eb="10">
      <t>チュウオウ</t>
    </rPh>
    <rPh sb="10" eb="13">
      <t>ホイクエン</t>
    </rPh>
    <phoneticPr fontId="6"/>
  </si>
  <si>
    <t>042-784-0289</t>
    <phoneticPr fontId="1"/>
  </si>
  <si>
    <t>相模原市立相模湖こども園</t>
    <rPh sb="5" eb="7">
      <t>サガミ</t>
    </rPh>
    <rPh sb="7" eb="8">
      <t>コ</t>
    </rPh>
    <rPh sb="11" eb="12">
      <t>エン</t>
    </rPh>
    <phoneticPr fontId="6"/>
  </si>
  <si>
    <t>042-684-3025</t>
  </si>
  <si>
    <t>042-762-3633</t>
  </si>
  <si>
    <t>042-782-8185</t>
  </si>
  <si>
    <t>042-742-1445</t>
  </si>
  <si>
    <t>042-767-8470</t>
  </si>
  <si>
    <t>誠心こども園</t>
    <phoneticPr fontId="7"/>
  </si>
  <si>
    <t>愛の園ふちのべこども園</t>
    <rPh sb="0" eb="1">
      <t>アイ</t>
    </rPh>
    <rPh sb="2" eb="3">
      <t>エン</t>
    </rPh>
    <rPh sb="10" eb="11">
      <t>エン</t>
    </rPh>
    <phoneticPr fontId="8"/>
  </si>
  <si>
    <t>042-752-2123</t>
  </si>
  <si>
    <t>042-757-3413</t>
  </si>
  <si>
    <t>042-752-8184</t>
  </si>
  <si>
    <t>042-762-6680</t>
  </si>
  <si>
    <t>042-755-0030</t>
  </si>
  <si>
    <t>042-762-1871</t>
  </si>
  <si>
    <t>042-747-7100</t>
  </si>
  <si>
    <t>042-760-1122</t>
  </si>
  <si>
    <t>042-713-3781</t>
  </si>
  <si>
    <t>042-700-1250</t>
  </si>
  <si>
    <t>ふちのべ美邦こども園</t>
    <rPh sb="4" eb="6">
      <t>ヨシクニ</t>
    </rPh>
    <rPh sb="9" eb="10">
      <t>エン</t>
    </rPh>
    <phoneticPr fontId="8"/>
  </si>
  <si>
    <t>042-768-7550</t>
  </si>
  <si>
    <t>相武台新日本こども園</t>
    <rPh sb="0" eb="3">
      <t>ソウブダイ</t>
    </rPh>
    <rPh sb="3" eb="4">
      <t>シン</t>
    </rPh>
    <rPh sb="4" eb="6">
      <t>ニホン</t>
    </rPh>
    <rPh sb="9" eb="10">
      <t>エン</t>
    </rPh>
    <phoneticPr fontId="8"/>
  </si>
  <si>
    <t>046-251-3215</t>
  </si>
  <si>
    <t>横山台こども園</t>
    <rPh sb="0" eb="2">
      <t>ヨコヤマ</t>
    </rPh>
    <rPh sb="6" eb="7">
      <t>エン</t>
    </rPh>
    <phoneticPr fontId="8"/>
  </si>
  <si>
    <t>042-756-2102</t>
  </si>
  <si>
    <t>042-762-8328</t>
  </si>
  <si>
    <t>042-773-2016</t>
  </si>
  <si>
    <t>たけのうちこども園</t>
    <rPh sb="8" eb="9">
      <t>エン</t>
    </rPh>
    <phoneticPr fontId="8"/>
  </si>
  <si>
    <t>042-730-6336</t>
  </si>
  <si>
    <t>042-786-0670</t>
  </si>
  <si>
    <t>042-770-1509</t>
  </si>
  <si>
    <t>たいようこども園</t>
    <rPh sb="7" eb="8">
      <t>エン</t>
    </rPh>
    <phoneticPr fontId="8"/>
  </si>
  <si>
    <t>042-767-3215</t>
  </si>
  <si>
    <t>042-703-5847</t>
  </si>
  <si>
    <t>042-770-1609</t>
  </si>
  <si>
    <t>相生こども園</t>
    <rPh sb="0" eb="2">
      <t>アイオイ</t>
    </rPh>
    <rPh sb="5" eb="6">
      <t>エン</t>
    </rPh>
    <phoneticPr fontId="8"/>
  </si>
  <si>
    <t>042-730-6337</t>
  </si>
  <si>
    <t>古淵あおばこども園</t>
    <rPh sb="0" eb="2">
      <t>コブチ</t>
    </rPh>
    <rPh sb="8" eb="9">
      <t>エン</t>
    </rPh>
    <phoneticPr fontId="8"/>
  </si>
  <si>
    <t>042-704-7063</t>
  </si>
  <si>
    <t>どんぐりこども園</t>
    <rPh sb="7" eb="8">
      <t>エン</t>
    </rPh>
    <phoneticPr fontId="7"/>
  </si>
  <si>
    <t>042-762-0768</t>
    <phoneticPr fontId="1"/>
  </si>
  <si>
    <t>すすきの保育園</t>
    <phoneticPr fontId="1"/>
  </si>
  <si>
    <t>042-752-3044</t>
  </si>
  <si>
    <t>相模保育園</t>
  </si>
  <si>
    <t>042-752-2045</t>
  </si>
  <si>
    <t>立正保育園</t>
  </si>
  <si>
    <t>042-744-1313</t>
  </si>
  <si>
    <t>高見保育園</t>
  </si>
  <si>
    <t>042-773-3235</t>
  </si>
  <si>
    <t>せんだん保育園</t>
  </si>
  <si>
    <t>046-251-1346</t>
  </si>
  <si>
    <t>上溝保育園</t>
  </si>
  <si>
    <t>042-754-7374</t>
  </si>
  <si>
    <t>046-253-0795</t>
  </si>
  <si>
    <t>友愛保育園</t>
  </si>
  <si>
    <t>042-762-0349</t>
  </si>
  <si>
    <t>ひよこ保育園</t>
  </si>
  <si>
    <t>042-762-1015</t>
  </si>
  <si>
    <t>ふじ第二保育園</t>
  </si>
  <si>
    <t>042-778-2211</t>
  </si>
  <si>
    <t>和泉保育園</t>
  </si>
  <si>
    <t>042-756-3044</t>
  </si>
  <si>
    <t>042-773-2515</t>
  </si>
  <si>
    <t>くぬぎ台保育園</t>
  </si>
  <si>
    <t>042-745-1152</t>
  </si>
  <si>
    <t>千代田保育園</t>
  </si>
  <si>
    <t>042-758-7711</t>
  </si>
  <si>
    <t>夜間保育所ドリーム</t>
  </si>
  <si>
    <t>042-768-2265</t>
  </si>
  <si>
    <t>エンゼル保育園</t>
  </si>
  <si>
    <t>042-776-0906</t>
  </si>
  <si>
    <t>星の子保育園</t>
  </si>
  <si>
    <t>042-700-2007</t>
  </si>
  <si>
    <t>ひよこ第２保育園</t>
  </si>
  <si>
    <t>042-750-0680</t>
  </si>
  <si>
    <t>マシュマロ保育園</t>
  </si>
  <si>
    <t>042-745-1601</t>
  </si>
  <si>
    <t>042-700-8008</t>
  </si>
  <si>
    <t>ののはな文京保育園</t>
  </si>
  <si>
    <t>042-705-3355</t>
  </si>
  <si>
    <t>ひよこ第３保育園</t>
  </si>
  <si>
    <t>042-767-5565</t>
  </si>
  <si>
    <t>古淵保育園</t>
  </si>
  <si>
    <t>042-707-1425</t>
  </si>
  <si>
    <t>042-747-8000</t>
  </si>
  <si>
    <t>ナーサリースクールＴ＆Ｙ南台</t>
    <phoneticPr fontId="1"/>
  </si>
  <si>
    <t>042-851-5828</t>
  </si>
  <si>
    <t>大野村いつきの保育園</t>
  </si>
  <si>
    <t>042-707-8723</t>
  </si>
  <si>
    <t>保育園アリス</t>
  </si>
  <si>
    <t>042-749-0253</t>
  </si>
  <si>
    <t>RISSHO KID'S きらり</t>
    <phoneticPr fontId="7"/>
  </si>
  <si>
    <t>042-767-2013</t>
  </si>
  <si>
    <t>042-707-9974</t>
  </si>
  <si>
    <t>042-745-1122</t>
  </si>
  <si>
    <t>げんきっず保育園</t>
  </si>
  <si>
    <t>042-770-5566</t>
  </si>
  <si>
    <t>ふじSunSun保育園</t>
  </si>
  <si>
    <t>042-815-3311</t>
  </si>
  <si>
    <t>小さき花保育園</t>
  </si>
  <si>
    <t>042-761-2563</t>
  </si>
  <si>
    <t>あさみどり保育園</t>
  </si>
  <si>
    <t>042-705-8653</t>
  </si>
  <si>
    <t>星の子第３保育園</t>
  </si>
  <si>
    <t>042-775-5361</t>
  </si>
  <si>
    <t>042-702-9885</t>
  </si>
  <si>
    <t>あおいそら保育園</t>
  </si>
  <si>
    <t>042-705-1523</t>
  </si>
  <si>
    <t>きゃんばす東林間保育園</t>
  </si>
  <si>
    <t>042-701-0771</t>
  </si>
  <si>
    <t>げんきっず第２保育園</t>
  </si>
  <si>
    <t>042-700-7770</t>
  </si>
  <si>
    <t>エンゼルハウス保育園</t>
  </si>
  <si>
    <t>042-700-4150</t>
  </si>
  <si>
    <t>まあむキッズ相模大野北口</t>
  </si>
  <si>
    <t>042-705-5234</t>
  </si>
  <si>
    <t>042-775-5088</t>
  </si>
  <si>
    <t>レイモンド西橋本保育園</t>
  </si>
  <si>
    <t>042-703-7268</t>
  </si>
  <si>
    <t>げんきっず城山保育園</t>
  </si>
  <si>
    <t>042-782-6555</t>
  </si>
  <si>
    <t>まあむキッズ相模大野南口</t>
  </si>
  <si>
    <t>042-740-5315</t>
  </si>
  <si>
    <t>きゃんばす東林間第二保育園</t>
  </si>
  <si>
    <t>042-702-0881</t>
  </si>
  <si>
    <t>こうのとり橋本保育園</t>
  </si>
  <si>
    <t>042-703-0911</t>
  </si>
  <si>
    <t>はらから保育園</t>
  </si>
  <si>
    <t>042-707-0172</t>
  </si>
  <si>
    <t>もみじ保育園　上矢部</t>
  </si>
  <si>
    <t>042-707-8562</t>
  </si>
  <si>
    <t>橋本中央保育園</t>
  </si>
  <si>
    <t>042-703-1855</t>
  </si>
  <si>
    <t>ハッピーちゃいるど保育園</t>
  </si>
  <si>
    <t>042-810-8645</t>
  </si>
  <si>
    <t>042-703-6655</t>
  </si>
  <si>
    <t>大野おひさま保育園</t>
  </si>
  <si>
    <t>042-705-2520</t>
  </si>
  <si>
    <t>オアシスみくり保育園</t>
  </si>
  <si>
    <t>相模原さくら保育園</t>
  </si>
  <si>
    <t>042-786-5127</t>
  </si>
  <si>
    <t>リージョン淵野辺保育園</t>
  </si>
  <si>
    <t>042-753-8787</t>
  </si>
  <si>
    <t>ぶどう大野南保育園</t>
  </si>
  <si>
    <t>042-705-6677</t>
  </si>
  <si>
    <t>保育園ナナ</t>
  </si>
  <si>
    <t>042-714-7701</t>
  </si>
  <si>
    <t>ひばりっ子保育園</t>
  </si>
  <si>
    <t>042-704-9631</t>
  </si>
  <si>
    <t>クローバー淵野辺保育園</t>
  </si>
  <si>
    <t>042-730-1188</t>
  </si>
  <si>
    <t>すみれKIDS園</t>
  </si>
  <si>
    <t>042-702-9391</t>
  </si>
  <si>
    <t>まあむベイビィズ相模大野</t>
  </si>
  <si>
    <t>042-705-0075</t>
  </si>
  <si>
    <t>ルンルンちゃいるど保育園</t>
  </si>
  <si>
    <t>042-705-8711</t>
  </si>
  <si>
    <t>保育所みらい相模大野</t>
  </si>
  <si>
    <t>042-705-8707</t>
  </si>
  <si>
    <t>042-705-3371</t>
  </si>
  <si>
    <t>すまいるランド</t>
  </si>
  <si>
    <t>042-851-2725</t>
  </si>
  <si>
    <t>けんせい保育園</t>
  </si>
  <si>
    <t>042-707-7379</t>
  </si>
  <si>
    <t>保育園キッズランドアリス</t>
  </si>
  <si>
    <t>042-707-4267</t>
  </si>
  <si>
    <t>あっぷるきっず本園</t>
  </si>
  <si>
    <t>042-851-3411</t>
  </si>
  <si>
    <t>保育ルーム　あっぷるきっず</t>
  </si>
  <si>
    <t>042-794-7594</t>
  </si>
  <si>
    <t>のぞみ保育園</t>
  </si>
  <si>
    <t>042-705-4849</t>
  </si>
  <si>
    <t>ベビールームすこやか相模大野</t>
  </si>
  <si>
    <t>042-705-1497</t>
  </si>
  <si>
    <t>グリンウッド保育園</t>
  </si>
  <si>
    <t>042-810-5656</t>
  </si>
  <si>
    <t>バンビーニ東大沼保育園</t>
  </si>
  <si>
    <t>042-705-8300</t>
  </si>
  <si>
    <t>こころ保育園橋本駅南口</t>
  </si>
  <si>
    <t>042-703-1875</t>
  </si>
  <si>
    <t>ゆうゆう保育園</t>
  </si>
  <si>
    <t>042-703-8738</t>
  </si>
  <si>
    <t>バンビーニ保育園</t>
  </si>
  <si>
    <t>042-769-0404</t>
  </si>
  <si>
    <t>よつばベビーおはな</t>
  </si>
  <si>
    <t>042-733-3337</t>
  </si>
  <si>
    <t>よつばベビーひだまり</t>
  </si>
  <si>
    <t>042-866-7505</t>
  </si>
  <si>
    <t>相模福祉村KIDS＋保育園</t>
  </si>
  <si>
    <t>042-764-1110</t>
  </si>
  <si>
    <t>わげん保育園相模原駅前</t>
  </si>
  <si>
    <t>042-752-1866</t>
  </si>
  <si>
    <t>相模大野雲母保育園</t>
  </si>
  <si>
    <t>042-701-6075</t>
  </si>
  <si>
    <t>相模原古淵雲母保育園</t>
  </si>
  <si>
    <t>042-768-8065</t>
  </si>
  <si>
    <t>OHANA</t>
  </si>
  <si>
    <t>042-785-2966</t>
  </si>
  <si>
    <t>認定こども園城山わかば幼稚園</t>
    <phoneticPr fontId="7"/>
  </si>
  <si>
    <t>認定こども園相模女子大学幼稚部</t>
    <phoneticPr fontId="7"/>
  </si>
  <si>
    <t>認定こども園モモ</t>
    <phoneticPr fontId="7"/>
  </si>
  <si>
    <t>認定こども園きらきら</t>
    <rPh sb="0" eb="2">
      <t>ニンテイ</t>
    </rPh>
    <rPh sb="5" eb="6">
      <t>エン</t>
    </rPh>
    <phoneticPr fontId="8"/>
  </si>
  <si>
    <t>キッズルームすこやか
相模大野駅前園</t>
    <phoneticPr fontId="1"/>
  </si>
  <si>
    <t>相模原市南区麻溝台6-25-35</t>
    <rPh sb="0" eb="4">
      <t>サガミハラシ</t>
    </rPh>
    <rPh sb="4" eb="5">
      <t>ミナミ</t>
    </rPh>
    <rPh sb="5" eb="6">
      <t>ク</t>
    </rPh>
    <rPh sb="6" eb="9">
      <t>アサミゾダイ</t>
    </rPh>
    <phoneticPr fontId="6"/>
  </si>
  <si>
    <t>相模原市中央区田名6229-2</t>
    <rPh sb="0" eb="4">
      <t>サガミハラシ</t>
    </rPh>
    <rPh sb="4" eb="6">
      <t>チュウオウ</t>
    </rPh>
    <rPh sb="6" eb="7">
      <t>ク</t>
    </rPh>
    <phoneticPr fontId="6"/>
  </si>
  <si>
    <t>相模原市中央区相模原8-7-5</t>
    <rPh sb="0" eb="4">
      <t>サガミハラシ</t>
    </rPh>
    <rPh sb="4" eb="6">
      <t>チュウオウ</t>
    </rPh>
    <rPh sb="6" eb="7">
      <t>ク</t>
    </rPh>
    <phoneticPr fontId="6"/>
  </si>
  <si>
    <t>相模原市南区相南1-13-17</t>
    <rPh sb="0" eb="4">
      <t>サガミハラシ</t>
    </rPh>
    <rPh sb="4" eb="5">
      <t>ミナミ</t>
    </rPh>
    <rPh sb="5" eb="6">
      <t>ク</t>
    </rPh>
    <phoneticPr fontId="6"/>
  </si>
  <si>
    <t>相模原市中央区上溝1961-1</t>
    <rPh sb="0" eb="4">
      <t>サガミハラシ</t>
    </rPh>
    <rPh sb="4" eb="6">
      <t>チュウオウ</t>
    </rPh>
    <rPh sb="6" eb="7">
      <t>ク</t>
    </rPh>
    <phoneticPr fontId="6"/>
  </si>
  <si>
    <t>相模原市中央区矢部新町3-1</t>
    <rPh sb="0" eb="4">
      <t>サガミハラシ</t>
    </rPh>
    <rPh sb="4" eb="6">
      <t>チュウオウ</t>
    </rPh>
    <rPh sb="6" eb="7">
      <t>ク</t>
    </rPh>
    <phoneticPr fontId="6"/>
  </si>
  <si>
    <t>相模原市南区当麻1357-1</t>
    <rPh sb="0" eb="4">
      <t>サガミハラシ</t>
    </rPh>
    <rPh sb="4" eb="5">
      <t>ミナミ</t>
    </rPh>
    <rPh sb="5" eb="6">
      <t>ク</t>
    </rPh>
    <phoneticPr fontId="6"/>
  </si>
  <si>
    <t>相模原市南区新磯野2-39-11</t>
    <rPh sb="0" eb="4">
      <t>サガミハラシ</t>
    </rPh>
    <rPh sb="4" eb="5">
      <t>ミナミ</t>
    </rPh>
    <rPh sb="5" eb="6">
      <t>ク</t>
    </rPh>
    <phoneticPr fontId="6"/>
  </si>
  <si>
    <t>相模原市緑区三ケ木932</t>
    <rPh sb="0" eb="4">
      <t>サガミハラシ</t>
    </rPh>
    <rPh sb="4" eb="6">
      <t>ミドリク</t>
    </rPh>
    <rPh sb="6" eb="7">
      <t>サン</t>
    </rPh>
    <rPh sb="8" eb="9">
      <t>キ</t>
    </rPh>
    <phoneticPr fontId="6"/>
  </si>
  <si>
    <t>相模原市緑区与瀬886-7</t>
    <rPh sb="0" eb="4">
      <t>サガミハラシ</t>
    </rPh>
    <rPh sb="4" eb="6">
      <t>ミドリク</t>
    </rPh>
    <rPh sb="6" eb="7">
      <t>ヨ</t>
    </rPh>
    <rPh sb="7" eb="8">
      <t>セ</t>
    </rPh>
    <phoneticPr fontId="6"/>
  </si>
  <si>
    <t>相模原市緑区大島202-1</t>
    <rPh sb="0" eb="4">
      <t>サガミハラシ</t>
    </rPh>
    <phoneticPr fontId="1"/>
  </si>
  <si>
    <t>相模原市緑区若葉台6-5-14</t>
    <rPh sb="0" eb="4">
      <t>サガミハラシ</t>
    </rPh>
    <phoneticPr fontId="1"/>
  </si>
  <si>
    <t>相模原市南区文京2-1-1</t>
    <rPh sb="0" eb="4">
      <t>サガミハラシ</t>
    </rPh>
    <phoneticPr fontId="1"/>
  </si>
  <si>
    <t>相模原市南区鵜野森1-21-4</t>
    <rPh sb="0" eb="4">
      <t>サガミハラシ</t>
    </rPh>
    <rPh sb="4" eb="5">
      <t>ミナミ</t>
    </rPh>
    <rPh sb="6" eb="9">
      <t>ウノモリ</t>
    </rPh>
    <phoneticPr fontId="8"/>
  </si>
  <si>
    <t>相模原市中央区淵野辺1-16-5</t>
    <rPh sb="0" eb="4">
      <t>サガミハラシ</t>
    </rPh>
    <rPh sb="7" eb="8">
      <t>フチ</t>
    </rPh>
    <phoneticPr fontId="8"/>
  </si>
  <si>
    <t>相模原市中央区星が丘1-16-15</t>
    <rPh sb="0" eb="4">
      <t>サガミハラシ</t>
    </rPh>
    <phoneticPr fontId="1"/>
  </si>
  <si>
    <t>相模原市中央区横山4-12-14</t>
    <rPh sb="0" eb="4">
      <t>サガミハラシ</t>
    </rPh>
    <phoneticPr fontId="1"/>
  </si>
  <si>
    <t>相模原市緑区下九沢454</t>
    <rPh sb="0" eb="4">
      <t>サガミハラシ</t>
    </rPh>
    <phoneticPr fontId="1"/>
  </si>
  <si>
    <t>相模原市南区大野台4-3-20</t>
    <rPh sb="0" eb="4">
      <t>サガミハラシ</t>
    </rPh>
    <rPh sb="4" eb="6">
      <t>ミナミク</t>
    </rPh>
    <phoneticPr fontId="8"/>
  </si>
  <si>
    <t>相模原市中央区田名2166-2</t>
    <rPh sb="0" eb="4">
      <t>サガミハラシ</t>
    </rPh>
    <phoneticPr fontId="1"/>
  </si>
  <si>
    <t>相模原市南区松が枝町10-14</t>
    <rPh sb="0" eb="4">
      <t>サガミハラシ</t>
    </rPh>
    <phoneticPr fontId="1"/>
  </si>
  <si>
    <t>相模原市緑区下九沢1558-14</t>
    <rPh sb="0" eb="4">
      <t>サガミハラシ</t>
    </rPh>
    <rPh sb="6" eb="9">
      <t>シモクザワ</t>
    </rPh>
    <phoneticPr fontId="8"/>
  </si>
  <si>
    <t>相模原市緑区下九沢1520-1</t>
    <rPh sb="0" eb="4">
      <t>サガミハラシ</t>
    </rPh>
    <rPh sb="4" eb="6">
      <t>ミドリク</t>
    </rPh>
    <rPh sb="6" eb="9">
      <t>シモクザワ</t>
    </rPh>
    <phoneticPr fontId="8"/>
  </si>
  <si>
    <t>相模原市中央区南橋本1-2-17</t>
    <rPh sb="0" eb="4">
      <t>サガミハラシ</t>
    </rPh>
    <rPh sb="4" eb="7">
      <t>チュウオウク</t>
    </rPh>
    <rPh sb="7" eb="10">
      <t>ミナミハシモト</t>
    </rPh>
    <phoneticPr fontId="8"/>
  </si>
  <si>
    <t>相模原市中央区共和1-4-3</t>
    <rPh sb="0" eb="4">
      <t>サガミハラシ</t>
    </rPh>
    <rPh sb="4" eb="7">
      <t>チュウオウク</t>
    </rPh>
    <rPh sb="7" eb="9">
      <t>キョウワ</t>
    </rPh>
    <phoneticPr fontId="8"/>
  </si>
  <si>
    <t>相模原市南区相武台団地1-4-3</t>
    <rPh sb="0" eb="4">
      <t>サガミハラシ</t>
    </rPh>
    <phoneticPr fontId="1"/>
  </si>
  <si>
    <t>相模原市中央区横山台2-24-16</t>
    <rPh sb="0" eb="4">
      <t>サガミハラシ</t>
    </rPh>
    <phoneticPr fontId="1"/>
  </si>
  <si>
    <t>相模原市緑区大島11-147</t>
    <rPh sb="0" eb="4">
      <t>サガミハラシ</t>
    </rPh>
    <rPh sb="6" eb="7">
      <t>ダイ</t>
    </rPh>
    <phoneticPr fontId="8"/>
  </si>
  <si>
    <t>相模原市緑区東橋本4-14-36</t>
    <rPh sb="0" eb="4">
      <t>サガミハラシ</t>
    </rPh>
    <rPh sb="6" eb="9">
      <t>ヒガシハシモト</t>
    </rPh>
    <phoneticPr fontId="8"/>
  </si>
  <si>
    <t>相模原市中央区東淵野辺4-25-3</t>
    <rPh sb="0" eb="4">
      <t>サガミハラシ</t>
    </rPh>
    <rPh sb="7" eb="11">
      <t>ヒガシフチノベ</t>
    </rPh>
    <phoneticPr fontId="8"/>
  </si>
  <si>
    <t>相模原市中央区鹿沼台2-12-15</t>
    <rPh sb="0" eb="4">
      <t>サガミハラシ</t>
    </rPh>
    <rPh sb="7" eb="10">
      <t>カヌマダイ</t>
    </rPh>
    <phoneticPr fontId="8"/>
  </si>
  <si>
    <t>相模原市緑区橋本1-12-25</t>
    <rPh sb="0" eb="4">
      <t>サガミハラシ</t>
    </rPh>
    <rPh sb="6" eb="8">
      <t>ハシモト</t>
    </rPh>
    <phoneticPr fontId="8"/>
  </si>
  <si>
    <t>相模原市南区豊町10-5</t>
    <rPh sb="0" eb="4">
      <t>サガミハラシ</t>
    </rPh>
    <rPh sb="6" eb="7">
      <t>ユタ</t>
    </rPh>
    <rPh sb="7" eb="8">
      <t>マチ</t>
    </rPh>
    <phoneticPr fontId="8"/>
  </si>
  <si>
    <t>相模原市緑区橋本4-18-19</t>
    <rPh sb="0" eb="4">
      <t>サガミハラシ</t>
    </rPh>
    <rPh sb="4" eb="6">
      <t>ミドリク</t>
    </rPh>
    <rPh sb="6" eb="8">
      <t>ハシモト</t>
    </rPh>
    <phoneticPr fontId="8"/>
  </si>
  <si>
    <t>相模原市緑区東橋本1-19-12</t>
    <rPh sb="0" eb="4">
      <t>サガミハラシ</t>
    </rPh>
    <phoneticPr fontId="1"/>
  </si>
  <si>
    <t>相模原市中央区相生2-17-3</t>
    <rPh sb="0" eb="4">
      <t>サガミハラシ</t>
    </rPh>
    <rPh sb="4" eb="7">
      <t>チュウオウク</t>
    </rPh>
    <rPh sb="7" eb="9">
      <t>アイオイ</t>
    </rPh>
    <phoneticPr fontId="8"/>
  </si>
  <si>
    <t>相模原市南区古淵1-5-3</t>
    <rPh sb="0" eb="4">
      <t>サガミハラシ</t>
    </rPh>
    <rPh sb="4" eb="6">
      <t>ミナミク</t>
    </rPh>
    <rPh sb="6" eb="8">
      <t>コブチ</t>
    </rPh>
    <phoneticPr fontId="8"/>
  </si>
  <si>
    <t>相模原市中央区上溝4-15-20</t>
    <rPh sb="0" eb="4">
      <t>サガミハラシ</t>
    </rPh>
    <rPh sb="4" eb="7">
      <t>チュウオウク</t>
    </rPh>
    <rPh sb="7" eb="9">
      <t>カミミゾ</t>
    </rPh>
    <phoneticPr fontId="8"/>
  </si>
  <si>
    <t>相模原市中央区すすきの町2-6</t>
    <rPh sb="0" eb="4">
      <t>サガミハラシ</t>
    </rPh>
    <phoneticPr fontId="1"/>
  </si>
  <si>
    <t>相模原市中央区矢部2-7-26</t>
    <rPh sb="0" eb="4">
      <t>サガミハラシ</t>
    </rPh>
    <phoneticPr fontId="1"/>
  </si>
  <si>
    <t>相模原市南区南台5-10-26</t>
    <rPh sb="0" eb="4">
      <t>サガミハラシ</t>
    </rPh>
    <phoneticPr fontId="1"/>
  </si>
  <si>
    <t>相模原市緑区東橋本3-16-9</t>
    <rPh sb="0" eb="4">
      <t>サガミハラシ</t>
    </rPh>
    <phoneticPr fontId="1"/>
  </si>
  <si>
    <t>相模原市南区新戸2078-2</t>
    <rPh sb="0" eb="4">
      <t>サガミハラシ</t>
    </rPh>
    <phoneticPr fontId="1"/>
  </si>
  <si>
    <t>相模原市中央区光が丘3-2-1</t>
    <rPh sb="0" eb="4">
      <t>サガミハラシ</t>
    </rPh>
    <phoneticPr fontId="1"/>
  </si>
  <si>
    <t>相模原市南区新磯野3-22-15</t>
    <rPh sb="0" eb="4">
      <t>サガミハラシ</t>
    </rPh>
    <phoneticPr fontId="1"/>
  </si>
  <si>
    <t>相模原市中央区水郷田名2-14-68</t>
    <rPh sb="0" eb="4">
      <t>サガミハラシ</t>
    </rPh>
    <phoneticPr fontId="1"/>
  </si>
  <si>
    <t>相模原市中央区上溝7-5-3</t>
    <rPh sb="0" eb="4">
      <t>サガミハラシ</t>
    </rPh>
    <phoneticPr fontId="1"/>
  </si>
  <si>
    <t>相模原市中央区上溝350</t>
    <rPh sb="0" eb="4">
      <t>サガミハラシ</t>
    </rPh>
    <phoneticPr fontId="1"/>
  </si>
  <si>
    <t>相模原市中央区青葉2-8-2</t>
    <rPh sb="0" eb="4">
      <t>サガミハラシ</t>
    </rPh>
    <phoneticPr fontId="1"/>
  </si>
  <si>
    <t>相模原市緑区二本松2-30-30</t>
    <rPh sb="0" eb="4">
      <t>サガミハラシ</t>
    </rPh>
    <phoneticPr fontId="1"/>
  </si>
  <si>
    <t>相模原市南区上鶴間3-23-18</t>
    <rPh sb="0" eb="4">
      <t>サガミハラシ</t>
    </rPh>
    <phoneticPr fontId="1"/>
  </si>
  <si>
    <t>相模原市中央区千代田4-5-12</t>
    <rPh sb="0" eb="4">
      <t>サガミハラシ</t>
    </rPh>
    <phoneticPr fontId="1"/>
  </si>
  <si>
    <t>相模原市中央区相模原4-7-14</t>
    <rPh sb="0" eb="4">
      <t>サガミハラシ</t>
    </rPh>
    <phoneticPr fontId="1"/>
  </si>
  <si>
    <t>相模原市緑区相原2-14-7</t>
    <rPh sb="0" eb="4">
      <t>サガミハラシ</t>
    </rPh>
    <phoneticPr fontId="1"/>
  </si>
  <si>
    <t>相模原市中央区上溝1887-1</t>
    <rPh sb="0" eb="4">
      <t>サガミハラシ</t>
    </rPh>
    <phoneticPr fontId="1"/>
  </si>
  <si>
    <t>相模原市南区相模台2-26-4</t>
    <rPh sb="0" eb="4">
      <t>サガミハラシ</t>
    </rPh>
    <phoneticPr fontId="1"/>
  </si>
  <si>
    <t>相模原市中央区南橋本3-4-21</t>
    <rPh sb="0" eb="4">
      <t>サガミハラシ</t>
    </rPh>
    <phoneticPr fontId="1"/>
  </si>
  <si>
    <t>相模原市南区文京1-6-5</t>
    <rPh sb="0" eb="4">
      <t>サガミハラシ</t>
    </rPh>
    <phoneticPr fontId="1"/>
  </si>
  <si>
    <t>相模原市南区豊町1-29</t>
    <rPh sb="0" eb="4">
      <t>サガミハラシ</t>
    </rPh>
    <phoneticPr fontId="1"/>
  </si>
  <si>
    <t>相模原市南区古淵 3-1-8</t>
    <rPh sb="0" eb="4">
      <t>サガミハラシ</t>
    </rPh>
    <phoneticPr fontId="1"/>
  </si>
  <si>
    <t>相模原市南区相模大野9-15-36</t>
    <rPh sb="0" eb="4">
      <t>サガミハラシ</t>
    </rPh>
    <phoneticPr fontId="1"/>
  </si>
  <si>
    <t>相模原市南区南台1-4-20</t>
    <rPh sb="0" eb="4">
      <t>サガミハラシ</t>
    </rPh>
    <phoneticPr fontId="1"/>
  </si>
  <si>
    <t>相模原市南区大野台3-15-48</t>
    <rPh sb="0" eb="4">
      <t>サガミハラシ</t>
    </rPh>
    <phoneticPr fontId="1"/>
  </si>
  <si>
    <t>相模原市南区上鶴間本町7-9-34</t>
    <rPh sb="0" eb="4">
      <t>サガミハラシ</t>
    </rPh>
    <phoneticPr fontId="1"/>
  </si>
  <si>
    <t>相模原市南区相模大野4-5-5　D棟2階</t>
    <rPh sb="0" eb="4">
      <t>サガミハラシ</t>
    </rPh>
    <rPh sb="17" eb="18">
      <t>トウ</t>
    </rPh>
    <rPh sb="19" eb="20">
      <t>カイ</t>
    </rPh>
    <phoneticPr fontId="7"/>
  </si>
  <si>
    <t>相模原市中央区淵野辺3-5-41 
桜美林大学国際寮2階</t>
    <rPh sb="0" eb="4">
      <t>サガミハラシ</t>
    </rPh>
    <phoneticPr fontId="1"/>
  </si>
  <si>
    <t>相模原市南区若松2-3-7</t>
    <rPh sb="0" eb="4">
      <t>サガミハラシ</t>
    </rPh>
    <phoneticPr fontId="1"/>
  </si>
  <si>
    <t>相模原市緑区橋本8-4-4</t>
    <rPh sb="0" eb="4">
      <t>サガミハラシ</t>
    </rPh>
    <phoneticPr fontId="1"/>
  </si>
  <si>
    <t>相模原市南区上鶴間本町6-4-11</t>
    <rPh sb="0" eb="4">
      <t>サガミハラシ</t>
    </rPh>
    <phoneticPr fontId="1"/>
  </si>
  <si>
    <t>相模原市緑区大島1848-5</t>
    <rPh sb="0" eb="4">
      <t>サガミハラシ</t>
    </rPh>
    <phoneticPr fontId="1"/>
  </si>
  <si>
    <t>相模原市南区東林間2-22-6</t>
    <rPh sb="0" eb="4">
      <t>サガミハラシ</t>
    </rPh>
    <phoneticPr fontId="1"/>
  </si>
  <si>
    <t>相模原市緑区相原2-10-19　</t>
    <rPh sb="0" eb="4">
      <t>サガミハラシ</t>
    </rPh>
    <phoneticPr fontId="1"/>
  </si>
  <si>
    <t>相模原市南区西大沼3-5-8</t>
    <rPh sb="0" eb="4">
      <t>サガミハラシ</t>
    </rPh>
    <phoneticPr fontId="1"/>
  </si>
  <si>
    <t>相模原市南区相模台団地5-8</t>
    <rPh sb="0" eb="4">
      <t>サガミハラシ</t>
    </rPh>
    <phoneticPr fontId="1"/>
  </si>
  <si>
    <t>相模原市南区上鶴間4-26-4</t>
    <rPh sb="0" eb="4">
      <t>サガミハラシ</t>
    </rPh>
    <phoneticPr fontId="1"/>
  </si>
  <si>
    <t>相模原市緑区橋本5-30-23</t>
    <rPh sb="0" eb="4">
      <t>サガミハラシ</t>
    </rPh>
    <phoneticPr fontId="1"/>
  </si>
  <si>
    <t>相模原市緑区橋本2-6-26</t>
    <rPh sb="0" eb="4">
      <t>サガミハラシ</t>
    </rPh>
    <phoneticPr fontId="1"/>
  </si>
  <si>
    <t>相模原市南区相模大野5-29-10-1 
シノプラザ2階・3階</t>
    <rPh sb="0" eb="4">
      <t>サガミハラシ</t>
    </rPh>
    <rPh sb="27" eb="28">
      <t>カイ</t>
    </rPh>
    <rPh sb="30" eb="31">
      <t>カイ</t>
    </rPh>
    <phoneticPr fontId="7"/>
  </si>
  <si>
    <t>相模原市中央区小町通2-2-14</t>
    <rPh sb="0" eb="4">
      <t>サガミハラシ</t>
    </rPh>
    <phoneticPr fontId="1"/>
  </si>
  <si>
    <t>相模原市緑区西橋本1-7-1</t>
    <rPh sb="0" eb="4">
      <t>サガミハラシ</t>
    </rPh>
    <phoneticPr fontId="1"/>
  </si>
  <si>
    <t>相模原市緑区町屋1-5-14</t>
    <rPh sb="0" eb="4">
      <t>サガミハラシ</t>
    </rPh>
    <phoneticPr fontId="1"/>
  </si>
  <si>
    <t>相模原市南区相模大野7-7-5</t>
    <rPh sb="0" eb="4">
      <t>サガミハラシ</t>
    </rPh>
    <phoneticPr fontId="1"/>
  </si>
  <si>
    <t>相模原市南区東林間7-35-3</t>
    <rPh sb="0" eb="4">
      <t>サガミハラシ</t>
    </rPh>
    <phoneticPr fontId="1"/>
  </si>
  <si>
    <t>相模原市緑区橋本6-36-1
グラントーレ橋本1階</t>
    <rPh sb="0" eb="4">
      <t>サガミハラシ</t>
    </rPh>
    <phoneticPr fontId="7"/>
  </si>
  <si>
    <t>相模原市中央区淵野辺本町2-25-31</t>
    <rPh sb="0" eb="4">
      <t>サガミハラシ</t>
    </rPh>
    <phoneticPr fontId="7"/>
  </si>
  <si>
    <t>相模原市中央区上矢部１-5-12</t>
    <rPh sb="0" eb="4">
      <t>サガミハラシ</t>
    </rPh>
    <phoneticPr fontId="1"/>
  </si>
  <si>
    <t>相模原市緑区橋本台1-25-17</t>
    <rPh sb="0" eb="4">
      <t>サガミハラシ</t>
    </rPh>
    <phoneticPr fontId="1"/>
  </si>
  <si>
    <t>相模原市南区上鶴間6-28-7 
PROSPER-K 1階</t>
    <rPh sb="0" eb="4">
      <t>サガミハラシ</t>
    </rPh>
    <phoneticPr fontId="1"/>
  </si>
  <si>
    <t>相模原市南区相模大野3-3-2 
bono相模大野サウスモール 2階</t>
    <rPh sb="0" eb="4">
      <t>サガミハラシ</t>
    </rPh>
    <phoneticPr fontId="1"/>
  </si>
  <si>
    <t>相模原市緑区大山町1-41
ミッドオアシスタワーズ 1階</t>
    <rPh sb="0" eb="4">
      <t>サガミハラシ</t>
    </rPh>
    <phoneticPr fontId="1"/>
  </si>
  <si>
    <t>相模原市中央区相模原3-3-18 
ケーエヌマンション相模原第1-2階</t>
    <rPh sb="0" eb="4">
      <t>サガミハラシ</t>
    </rPh>
    <phoneticPr fontId="1"/>
  </si>
  <si>
    <t>相模原市中央区淵野辺1-16-5</t>
    <rPh sb="0" eb="4">
      <t>サガミハラシ</t>
    </rPh>
    <phoneticPr fontId="1"/>
  </si>
  <si>
    <t>相模原市緑区橋本6-22-8</t>
    <rPh sb="0" eb="4">
      <t>サガミハラシ</t>
    </rPh>
    <phoneticPr fontId="1"/>
  </si>
  <si>
    <t>相模原市中央区鹿沼台1-2-10 
ソフィア鹿沼公園 1階</t>
    <rPh sb="0" eb="4">
      <t>サガミハラシ</t>
    </rPh>
    <phoneticPr fontId="1"/>
  </si>
  <si>
    <t>相模原市南区相模大野8-5-1
ルミエール大野南 1階</t>
    <rPh sb="0" eb="4">
      <t>サガミハラシ</t>
    </rPh>
    <phoneticPr fontId="1"/>
  </si>
  <si>
    <t>相模原市南区鵜野森1-16-15</t>
    <rPh sb="0" eb="4">
      <t>サガミハラシ</t>
    </rPh>
    <phoneticPr fontId="1"/>
  </si>
  <si>
    <t>相模原市中央区淵野辺3-9-17 
ライオンズプラザ淵野辺 2階</t>
    <rPh sb="0" eb="4">
      <t>サガミハラシ</t>
    </rPh>
    <phoneticPr fontId="1"/>
  </si>
  <si>
    <t>相模原市南区松が枝町17-15
 平和ビル松が枝マンション 2階</t>
    <rPh sb="0" eb="4">
      <t>サガミハラシ</t>
    </rPh>
    <phoneticPr fontId="1"/>
  </si>
  <si>
    <t>相模原市南区相模大野4-5-17 P棟 1階</t>
    <rPh sb="0" eb="4">
      <t>サガミハラシ</t>
    </rPh>
    <phoneticPr fontId="1"/>
  </si>
  <si>
    <t>相模原市南区相模大野3-19-13
アーベイン相模 1階</t>
    <rPh sb="0" eb="4">
      <t>サガミハラシ</t>
    </rPh>
    <phoneticPr fontId="1"/>
  </si>
  <si>
    <t>相模原市南区相模大野7-16-6
エディフィシオ スガタ 1階</t>
    <rPh sb="0" eb="4">
      <t>サガミハラシ</t>
    </rPh>
    <phoneticPr fontId="1"/>
  </si>
  <si>
    <t>相模原市南区相模大野3-3-2
bono相模大野サウスモール 1階</t>
    <rPh sb="0" eb="4">
      <t>サガミハラシ</t>
    </rPh>
    <phoneticPr fontId="1"/>
  </si>
  <si>
    <t>相模原市緑区向原2-8-14-1</t>
    <rPh sb="0" eb="4">
      <t>サガミハラシ</t>
    </rPh>
    <phoneticPr fontId="1"/>
  </si>
  <si>
    <t>相模原市中央区相模原2-10-14 
セントラルビル 1階</t>
    <rPh sb="0" eb="4">
      <t>サガミハラシ</t>
    </rPh>
    <phoneticPr fontId="1"/>
  </si>
  <si>
    <t>相模原市中央区東淵野辺4-12-21</t>
    <rPh sb="0" eb="4">
      <t>サガミハラシ</t>
    </rPh>
    <phoneticPr fontId="1"/>
  </si>
  <si>
    <t>相模原市南区古淵1-18-26</t>
    <rPh sb="0" eb="4">
      <t>サガミハラシ</t>
    </rPh>
    <phoneticPr fontId="1"/>
  </si>
  <si>
    <t>相模原市南区文京1-16-20</t>
    <rPh sb="0" eb="4">
      <t>サガミハラシ</t>
    </rPh>
    <phoneticPr fontId="1"/>
  </si>
  <si>
    <t>相模原市南区相模大野7-18-12
ヴィクトワール・フル―ヴⅥ 1階</t>
    <rPh sb="0" eb="4">
      <t>サガミハラシ</t>
    </rPh>
    <phoneticPr fontId="1"/>
  </si>
  <si>
    <t>相模原市中央区矢部3-6-20</t>
    <rPh sb="0" eb="4">
      <t>サガミハラシ</t>
    </rPh>
    <phoneticPr fontId="1"/>
  </si>
  <si>
    <t>相模原市南区東大沼4-1-7</t>
    <rPh sb="0" eb="4">
      <t>サガミハラシ</t>
    </rPh>
    <phoneticPr fontId="1"/>
  </si>
  <si>
    <t>相模原市緑区橋本1-1-20 1階</t>
    <rPh sb="0" eb="4">
      <t>サガミハラシ</t>
    </rPh>
    <phoneticPr fontId="1"/>
  </si>
  <si>
    <t>相模原市緑区橋本4-11-2-105</t>
    <rPh sb="0" eb="4">
      <t>サガミハラシ</t>
    </rPh>
    <phoneticPr fontId="1"/>
  </si>
  <si>
    <t>相模原市中央区矢部3-18-34 1階</t>
    <rPh sb="0" eb="4">
      <t>サガミハラシ</t>
    </rPh>
    <phoneticPr fontId="1"/>
  </si>
  <si>
    <t>相模原市南区上鶴間4-21-2</t>
    <rPh sb="0" eb="4">
      <t>サガミハラシ</t>
    </rPh>
    <phoneticPr fontId="1"/>
  </si>
  <si>
    <t>相模原市中央区田名7691-1</t>
    <rPh sb="0" eb="4">
      <t>サガミハラシ</t>
    </rPh>
    <phoneticPr fontId="1"/>
  </si>
  <si>
    <t>相模原市中央区小山3429</t>
    <rPh sb="0" eb="4">
      <t>サガミハラシ</t>
    </rPh>
    <phoneticPr fontId="1"/>
  </si>
  <si>
    <t>相模原市南区相模大野7-37-10</t>
    <rPh sb="0" eb="4">
      <t>サガミハラシ</t>
    </rPh>
    <phoneticPr fontId="1"/>
  </si>
  <si>
    <t>相模原市南区古淵4-2-1</t>
    <rPh sb="0" eb="4">
      <t>サガミハラシ</t>
    </rPh>
    <phoneticPr fontId="1"/>
  </si>
  <si>
    <t>相模原市中央区上溝2-6-1</t>
    <rPh sb="0" eb="4">
      <t>サガミハラシ</t>
    </rPh>
    <phoneticPr fontId="1"/>
  </si>
  <si>
    <t>小田原市浜町1丁目3番8号</t>
    <rPh sb="0" eb="4">
      <t>オダワラシ</t>
    </rPh>
    <rPh sb="4" eb="5">
      <t>ハマ</t>
    </rPh>
    <rPh sb="7" eb="9">
      <t>チョウメ</t>
    </rPh>
    <rPh sb="10" eb="11">
      <t>バン</t>
    </rPh>
    <rPh sb="12" eb="13">
      <t>ゴウ</t>
    </rPh>
    <phoneticPr fontId="1"/>
  </si>
  <si>
    <t>小田原市浜町1丁目2番15号</t>
    <rPh sb="4" eb="5">
      <t>ハマ</t>
    </rPh>
    <rPh sb="7" eb="9">
      <t>チョウメ</t>
    </rPh>
    <rPh sb="10" eb="11">
      <t>バン</t>
    </rPh>
    <rPh sb="13" eb="14">
      <t>ゴウ</t>
    </rPh>
    <phoneticPr fontId="1"/>
  </si>
  <si>
    <t>小田原市国府津3丁目11番25号</t>
    <rPh sb="4" eb="7">
      <t>コウヅ</t>
    </rPh>
    <rPh sb="8" eb="10">
      <t>チョウメ</t>
    </rPh>
    <rPh sb="12" eb="13">
      <t>バン</t>
    </rPh>
    <rPh sb="15" eb="16">
      <t>ゴウ</t>
    </rPh>
    <phoneticPr fontId="1"/>
  </si>
  <si>
    <t>小田原市曽我谷津592番地</t>
    <rPh sb="4" eb="6">
      <t>ソガ</t>
    </rPh>
    <rPh sb="11" eb="13">
      <t>バンチ</t>
    </rPh>
    <phoneticPr fontId="1"/>
  </si>
  <si>
    <t>小田原市西大友485番地の2</t>
    <rPh sb="4" eb="5">
      <t>ニシ</t>
    </rPh>
    <rPh sb="5" eb="7">
      <t>オオトモ</t>
    </rPh>
    <rPh sb="10" eb="12">
      <t>バンチ</t>
    </rPh>
    <phoneticPr fontId="1"/>
  </si>
  <si>
    <t>小田原市曽我岸132番地</t>
    <rPh sb="4" eb="7">
      <t>ソガキシ</t>
    </rPh>
    <rPh sb="10" eb="12">
      <t>バンチ</t>
    </rPh>
    <phoneticPr fontId="1"/>
  </si>
  <si>
    <t>小田原市西大友470番地の１</t>
    <rPh sb="4" eb="5">
      <t>ニシ</t>
    </rPh>
    <rPh sb="5" eb="7">
      <t>オオトモ</t>
    </rPh>
    <rPh sb="10" eb="12">
      <t>バンチ</t>
    </rPh>
    <phoneticPr fontId="1"/>
  </si>
  <si>
    <t>小田原市鴨宮444番地</t>
    <rPh sb="4" eb="6">
      <t>カモノミヤ</t>
    </rPh>
    <rPh sb="9" eb="11">
      <t>バンチ</t>
    </rPh>
    <phoneticPr fontId="1"/>
  </si>
  <si>
    <t>小田原市小八幡4丁目1番13号</t>
    <rPh sb="4" eb="7">
      <t>コヤワタ</t>
    </rPh>
    <rPh sb="8" eb="10">
      <t>チョウメ</t>
    </rPh>
    <rPh sb="11" eb="12">
      <t>バン</t>
    </rPh>
    <rPh sb="14" eb="15">
      <t>ゴウ</t>
    </rPh>
    <phoneticPr fontId="1"/>
  </si>
  <si>
    <t>小田原市蓮正寺103番地の5</t>
    <rPh sb="4" eb="7">
      <t>レンショウジ</t>
    </rPh>
    <rPh sb="10" eb="12">
      <t>バンチ</t>
    </rPh>
    <phoneticPr fontId="1"/>
  </si>
  <si>
    <t>厚木市妻田西2-20-5</t>
    <phoneticPr fontId="1"/>
  </si>
  <si>
    <t>厚木市水引2-12-29ＹＭビル1階</t>
    <phoneticPr fontId="1"/>
  </si>
  <si>
    <t>厚木市中町3-3-9
厚木アーバンプラザ3階　</t>
    <phoneticPr fontId="1"/>
  </si>
  <si>
    <t>厚木市旭町3-7-3</t>
    <phoneticPr fontId="1"/>
  </si>
  <si>
    <t>厚木市中町3-3-9
厚木アーバンプラザ2階　</t>
    <phoneticPr fontId="1"/>
  </si>
  <si>
    <t>厚木市松枝1-1-3</t>
    <phoneticPr fontId="1"/>
  </si>
  <si>
    <t>厚木市田村町７-3
レジェンド本厚木2階</t>
    <phoneticPr fontId="1"/>
  </si>
  <si>
    <t>厚木市中町3-11-20ケイビル4階</t>
    <phoneticPr fontId="1"/>
  </si>
  <si>
    <t>厚木市田村町１-29-2</t>
    <phoneticPr fontId="1"/>
  </si>
  <si>
    <t>厚木市田村町2-20
三橋ビルアネックス1・2階</t>
    <phoneticPr fontId="1"/>
  </si>
  <si>
    <t>厚木市中町3-18-5
ソーケン本厚木ビル2階</t>
    <phoneticPr fontId="1"/>
  </si>
  <si>
    <t>厚木市旭町2-4-15</t>
    <phoneticPr fontId="1"/>
  </si>
  <si>
    <t>厚木市旭町5-42-32　
ウィン本厚木2.3階</t>
    <rPh sb="0" eb="3">
      <t>アツギシ</t>
    </rPh>
    <rPh sb="3" eb="5">
      <t>アサヒチョウ</t>
    </rPh>
    <rPh sb="17" eb="20">
      <t>ホンアツギ</t>
    </rPh>
    <rPh sb="23" eb="24">
      <t>カイ</t>
    </rPh>
    <phoneticPr fontId="1"/>
  </si>
  <si>
    <t>厚木市水引2-7-16</t>
    <phoneticPr fontId="1"/>
  </si>
  <si>
    <t>厚木市戸室2-21-9</t>
    <phoneticPr fontId="1"/>
  </si>
  <si>
    <t>厚木市中町2-10-20
プレシス本厚木レジデンス1階</t>
    <phoneticPr fontId="1"/>
  </si>
  <si>
    <t>厚木市田村町5-9</t>
    <phoneticPr fontId="1"/>
  </si>
  <si>
    <t>厚木市寿町2-8-20 1・2階</t>
    <phoneticPr fontId="1"/>
  </si>
  <si>
    <t>厚木市恩名3-3-8</t>
    <phoneticPr fontId="1"/>
  </si>
  <si>
    <t>厚木市林2-13-41</t>
    <phoneticPr fontId="1"/>
  </si>
  <si>
    <t>厚木市緑ヶ丘2-2-2</t>
    <phoneticPr fontId="1"/>
  </si>
  <si>
    <t>厚木市幸町6-22</t>
    <phoneticPr fontId="1"/>
  </si>
  <si>
    <t xml:space="preserve">厚木市中町2-12-15
アミューあつぎ8階
</t>
    <phoneticPr fontId="1"/>
  </si>
  <si>
    <t>海老名市下今泉5丁目8番23号</t>
    <phoneticPr fontId="1"/>
  </si>
  <si>
    <t>海老名市杉久保南4丁目25番22号</t>
    <phoneticPr fontId="1"/>
  </si>
  <si>
    <t>海老名市柏ケ谷555番地の6</t>
    <phoneticPr fontId="1"/>
  </si>
  <si>
    <t>海老名市河原口1599番地の1</t>
    <phoneticPr fontId="1"/>
  </si>
  <si>
    <t>海老名市扇町5番1号</t>
    <phoneticPr fontId="1"/>
  </si>
  <si>
    <t>海老名市柏ケ谷586番地の3</t>
    <phoneticPr fontId="1"/>
  </si>
  <si>
    <t>寒川町宮山935</t>
    <rPh sb="0" eb="3">
      <t>サムカワマチ</t>
    </rPh>
    <rPh sb="3" eb="5">
      <t>ミヤヤマ</t>
    </rPh>
    <phoneticPr fontId="1"/>
  </si>
  <si>
    <t>寒川町宮山2194</t>
    <rPh sb="0" eb="3">
      <t>サムカワマチ</t>
    </rPh>
    <rPh sb="3" eb="5">
      <t>ミヤヤマ</t>
    </rPh>
    <phoneticPr fontId="1"/>
  </si>
  <si>
    <t>寒川町一之宮8-3-1</t>
    <rPh sb="0" eb="3">
      <t>サムカワマチ</t>
    </rPh>
    <rPh sb="3" eb="6">
      <t>イチノミヤ</t>
    </rPh>
    <phoneticPr fontId="1"/>
  </si>
  <si>
    <t>寒川町大曲1-10-7</t>
    <rPh sb="0" eb="3">
      <t>サムカワマチ</t>
    </rPh>
    <rPh sb="3" eb="5">
      <t>オオマガリ</t>
    </rPh>
    <phoneticPr fontId="1"/>
  </si>
  <si>
    <t>中井町遠藤327</t>
    <rPh sb="0" eb="2">
      <t>ナカイ</t>
    </rPh>
    <rPh sb="2" eb="3">
      <t>マチ</t>
    </rPh>
    <rPh sb="3" eb="5">
      <t>エンドウ</t>
    </rPh>
    <phoneticPr fontId="1"/>
  </si>
  <si>
    <t>中井町井ノ口1996-1</t>
    <rPh sb="0" eb="2">
      <t>ナカイ</t>
    </rPh>
    <rPh sb="2" eb="3">
      <t>マチ</t>
    </rPh>
    <rPh sb="3" eb="4">
      <t>イ</t>
    </rPh>
    <rPh sb="5" eb="6">
      <t>クチ</t>
    </rPh>
    <phoneticPr fontId="1"/>
  </si>
  <si>
    <t>松田町松田庶子162番地1</t>
    <rPh sb="0" eb="3">
      <t>マツダマチ</t>
    </rPh>
    <rPh sb="3" eb="5">
      <t>マツダ</t>
    </rPh>
    <rPh sb="5" eb="7">
      <t>ショシ</t>
    </rPh>
    <rPh sb="10" eb="12">
      <t>バンチ</t>
    </rPh>
    <phoneticPr fontId="1"/>
  </si>
  <si>
    <t>開成町円通寺55番地１</t>
    <phoneticPr fontId="1"/>
  </si>
  <si>
    <t>開成町吉田島4198番地</t>
    <phoneticPr fontId="1"/>
  </si>
  <si>
    <t>藤沢市</t>
    <rPh sb="0" eb="3">
      <t>フジサワシ</t>
    </rPh>
    <phoneticPr fontId="1"/>
  </si>
  <si>
    <t>善行保育園</t>
  </si>
  <si>
    <t>0466-81-6195</t>
    <phoneticPr fontId="1"/>
  </si>
  <si>
    <t>小糸保育園</t>
  </si>
  <si>
    <t>0466-87-9140</t>
    <phoneticPr fontId="1"/>
  </si>
  <si>
    <t>鵠沼保育園</t>
  </si>
  <si>
    <t>0466-36-4539</t>
    <phoneticPr fontId="1"/>
  </si>
  <si>
    <t>湘南台保育園</t>
  </si>
  <si>
    <t>0466-43-3809</t>
    <phoneticPr fontId="1"/>
  </si>
  <si>
    <t>二葉保育園</t>
  </si>
  <si>
    <t>0466-33-1823</t>
    <phoneticPr fontId="1"/>
  </si>
  <si>
    <t>保育園小さなほし</t>
  </si>
  <si>
    <t>0466-41-3660</t>
    <phoneticPr fontId="1"/>
  </si>
  <si>
    <t>0466-25-7211</t>
    <phoneticPr fontId="1"/>
  </si>
  <si>
    <t>グリーンキッズ湘南</t>
  </si>
  <si>
    <t>0466-81-7300</t>
    <phoneticPr fontId="1"/>
  </si>
  <si>
    <t>キディ湘南Ｃ－Ｘ</t>
  </si>
  <si>
    <t>0466-30-3515</t>
    <phoneticPr fontId="1"/>
  </si>
  <si>
    <t>湘南まるめろ保育園</t>
  </si>
  <si>
    <t>0466-36-0500</t>
    <phoneticPr fontId="1"/>
  </si>
  <si>
    <t>グリーンキッズ湘南ライフタウン</t>
  </si>
  <si>
    <t>0466-53-8544</t>
    <phoneticPr fontId="1"/>
  </si>
  <si>
    <t>たかすな保育園</t>
  </si>
  <si>
    <t>0466-86-7676</t>
    <phoneticPr fontId="1"/>
  </si>
  <si>
    <t>グリーンキッズ湘南 村岡</t>
  </si>
  <si>
    <t>0466-90-5858</t>
    <phoneticPr fontId="1"/>
  </si>
  <si>
    <t>秦野市</t>
    <rPh sb="0" eb="3">
      <t>ハダノシ</t>
    </rPh>
    <phoneticPr fontId="1"/>
  </si>
  <si>
    <t>いまいずみ保育園</t>
  </si>
  <si>
    <t>0463-82-6226</t>
    <phoneticPr fontId="1"/>
  </si>
  <si>
    <t>サンキッズ南が丘こどもえん</t>
  </si>
  <si>
    <t>0463-81-9511</t>
    <phoneticPr fontId="1"/>
  </si>
  <si>
    <t>南秦野保育園</t>
  </si>
  <si>
    <t>0463-81-8306</t>
    <phoneticPr fontId="1"/>
  </si>
  <si>
    <t>ひまわり保育園</t>
  </si>
  <si>
    <t>0463-82-3405</t>
    <phoneticPr fontId="1"/>
  </si>
  <si>
    <t>若木保育園</t>
  </si>
  <si>
    <t>0463-81-6332</t>
    <phoneticPr fontId="1"/>
  </si>
  <si>
    <t>0463-88-3702</t>
    <phoneticPr fontId="1"/>
  </si>
  <si>
    <t>0463-83-2525</t>
    <phoneticPr fontId="1"/>
  </si>
  <si>
    <t>山辺保育園</t>
  </si>
  <si>
    <t>0463-72-7621</t>
    <phoneticPr fontId="1"/>
  </si>
  <si>
    <t>ゆりかご保育園</t>
  </si>
  <si>
    <t>0463-77-6870</t>
    <phoneticPr fontId="1"/>
  </si>
  <si>
    <t>秦野さくらんぼ保育園</t>
  </si>
  <si>
    <t>0463-83-2571</t>
    <phoneticPr fontId="1"/>
  </si>
  <si>
    <t>堀川ほほえみ保育園</t>
  </si>
  <si>
    <t>0463-73-7233</t>
    <phoneticPr fontId="1"/>
  </si>
  <si>
    <t>鎌倉市</t>
    <rPh sb="0" eb="3">
      <t>カマクラシ</t>
    </rPh>
    <phoneticPr fontId="1"/>
  </si>
  <si>
    <t>由比ガ浜保育園</t>
  </si>
  <si>
    <t>0467-61-0881</t>
    <phoneticPr fontId="1"/>
  </si>
  <si>
    <t>腰越保育園</t>
  </si>
  <si>
    <t>0467-31-6119</t>
    <phoneticPr fontId="1"/>
  </si>
  <si>
    <t>深沢保育園</t>
  </si>
  <si>
    <t>0467-42-5200</t>
    <phoneticPr fontId="1"/>
  </si>
  <si>
    <t xml:space="preserve">岡本保育園　　　 </t>
  </si>
  <si>
    <t>0467-45-5503</t>
    <phoneticPr fontId="1"/>
  </si>
  <si>
    <t>佐助保育園</t>
  </si>
  <si>
    <t>0467-40-4040</t>
    <phoneticPr fontId="1"/>
  </si>
  <si>
    <t>山崎保育園</t>
  </si>
  <si>
    <t>鎌倉市山崎1148</t>
    <phoneticPr fontId="1"/>
  </si>
  <si>
    <t>0467-45-6453</t>
    <phoneticPr fontId="1"/>
  </si>
  <si>
    <t>たんぽぽ共同保育園</t>
  </si>
  <si>
    <t>0467-38-1688</t>
    <phoneticPr fontId="1"/>
  </si>
  <si>
    <t>保育園みつばち</t>
  </si>
  <si>
    <t>0467-46-2221</t>
    <phoneticPr fontId="1"/>
  </si>
  <si>
    <t>清心保育園</t>
  </si>
  <si>
    <t>0467-44-7855</t>
    <phoneticPr fontId="1"/>
  </si>
  <si>
    <t>こばとナーサリー</t>
  </si>
  <si>
    <t>0467-46-6930</t>
    <phoneticPr fontId="1"/>
  </si>
  <si>
    <t>岩瀬保育園</t>
  </si>
  <si>
    <t>鎌倉市岩瀬1526</t>
  </si>
  <si>
    <t>0467-46-2629</t>
    <phoneticPr fontId="1"/>
  </si>
  <si>
    <t>明照フラワーガーデン保育園</t>
  </si>
  <si>
    <t>0467-43-5960</t>
    <phoneticPr fontId="1"/>
  </si>
  <si>
    <t>茅ヶ崎市</t>
    <rPh sb="0" eb="4">
      <t>チガサキシ</t>
    </rPh>
    <phoneticPr fontId="1"/>
  </si>
  <si>
    <t>茅ヶ崎市立浜見平保育園</t>
    <rPh sb="0" eb="3">
      <t>チガサキ</t>
    </rPh>
    <rPh sb="3" eb="5">
      <t>シリツ</t>
    </rPh>
    <phoneticPr fontId="1"/>
  </si>
  <si>
    <t>0467-83-1011</t>
    <phoneticPr fontId="1"/>
  </si>
  <si>
    <t>茅ヶ崎市立中海岸保育園</t>
    <rPh sb="0" eb="3">
      <t>チガサキ</t>
    </rPh>
    <rPh sb="3" eb="5">
      <t>シリツ</t>
    </rPh>
    <phoneticPr fontId="1"/>
  </si>
  <si>
    <t>なぎさ保育園</t>
    <phoneticPr fontId="1"/>
  </si>
  <si>
    <t>フィートリッヂ・フィールズ・緑が浜</t>
    <phoneticPr fontId="1"/>
  </si>
  <si>
    <t>0467-86-0147</t>
    <phoneticPr fontId="1"/>
  </si>
  <si>
    <t>萩園愛児園</t>
    <phoneticPr fontId="1"/>
  </si>
  <si>
    <t>0467-86-5894</t>
    <phoneticPr fontId="1"/>
  </si>
  <si>
    <t>なぎさ第二保育園</t>
    <phoneticPr fontId="1"/>
  </si>
  <si>
    <t>うーたん保育園</t>
    <phoneticPr fontId="1"/>
  </si>
  <si>
    <t>0467-84-4010</t>
    <phoneticPr fontId="1"/>
  </si>
  <si>
    <t>茅ヶ崎ゆめいろ保育園</t>
    <phoneticPr fontId="1"/>
  </si>
  <si>
    <t>0467-82-1119</t>
    <phoneticPr fontId="1"/>
  </si>
  <si>
    <t>すまいるステーション保育園</t>
    <phoneticPr fontId="1"/>
  </si>
  <si>
    <t>0467-84-9646</t>
    <phoneticPr fontId="1"/>
  </si>
  <si>
    <t>マミー保育園茅ヶ崎</t>
    <phoneticPr fontId="1"/>
  </si>
  <si>
    <t>0467-82-3517</t>
    <phoneticPr fontId="1"/>
  </si>
  <si>
    <t>松浪れいらに保育園</t>
    <phoneticPr fontId="1"/>
  </si>
  <si>
    <t>0467-81-5817</t>
    <phoneticPr fontId="1"/>
  </si>
  <si>
    <t>ことりの詩保育園</t>
    <phoneticPr fontId="1"/>
  </si>
  <si>
    <t>0467-38-6820</t>
    <phoneticPr fontId="1"/>
  </si>
  <si>
    <t>茅ヶ崎ひよこ保育園</t>
    <phoneticPr fontId="1"/>
  </si>
  <si>
    <t>0467-84-9761</t>
    <phoneticPr fontId="1"/>
  </si>
  <si>
    <t>ピノキオ幼児舎茅ヶ崎保育園</t>
    <phoneticPr fontId="1"/>
  </si>
  <si>
    <t>0467-57-6151</t>
    <phoneticPr fontId="1"/>
  </si>
  <si>
    <t>松林こころえん</t>
    <phoneticPr fontId="1"/>
  </si>
  <si>
    <t>0467-52-5560</t>
    <phoneticPr fontId="1"/>
  </si>
  <si>
    <t>0467-87-1661</t>
    <phoneticPr fontId="1"/>
  </si>
  <si>
    <t>認定こども園聖鳩幼稚園</t>
    <phoneticPr fontId="1"/>
  </si>
  <si>
    <t>0467-82-2573</t>
    <phoneticPr fontId="1"/>
  </si>
  <si>
    <t>わかまつキッズROOM</t>
    <phoneticPr fontId="1"/>
  </si>
  <si>
    <t>0467-38-4228</t>
    <phoneticPr fontId="1"/>
  </si>
  <si>
    <t>マザーグース保育ルーム</t>
    <phoneticPr fontId="1"/>
  </si>
  <si>
    <t>0467-59-1157</t>
    <phoneticPr fontId="1"/>
  </si>
  <si>
    <t>茅ヶ崎みらい保育園</t>
    <phoneticPr fontId="1"/>
  </si>
  <si>
    <t>0467-26-2201</t>
    <phoneticPr fontId="1"/>
  </si>
  <si>
    <t>MIRATZ湘南茅ヶ崎保育園</t>
    <phoneticPr fontId="1"/>
  </si>
  <si>
    <t>0467-53-9732</t>
    <phoneticPr fontId="1"/>
  </si>
  <si>
    <t>ゆうゆう保育園</t>
    <phoneticPr fontId="1"/>
  </si>
  <si>
    <t>0467-38-6360</t>
    <phoneticPr fontId="1"/>
  </si>
  <si>
    <t>ピノキオ幼児舎辻堂園</t>
    <phoneticPr fontId="1"/>
  </si>
  <si>
    <t>0467-83-8355</t>
    <phoneticPr fontId="1"/>
  </si>
  <si>
    <t>MIRATZ湘南辻堂保育園</t>
    <phoneticPr fontId="1"/>
  </si>
  <si>
    <t>0467-39-6973</t>
    <phoneticPr fontId="1"/>
  </si>
  <si>
    <t>ぽとふ茅ヶ崎</t>
    <phoneticPr fontId="1"/>
  </si>
  <si>
    <t>0467-84-0606</t>
    <phoneticPr fontId="1"/>
  </si>
  <si>
    <t>よちよち保育室</t>
  </si>
  <si>
    <t>0467-85-4822</t>
    <phoneticPr fontId="1"/>
  </si>
  <si>
    <t>おひさまキッズアカデミー</t>
    <phoneticPr fontId="1"/>
  </si>
  <si>
    <t>0467-55-2533</t>
    <phoneticPr fontId="1"/>
  </si>
  <si>
    <t>おひさま保育舎</t>
    <rPh sb="4" eb="6">
      <t>ホイク</t>
    </rPh>
    <rPh sb="6" eb="7">
      <t>シャ</t>
    </rPh>
    <phoneticPr fontId="1"/>
  </si>
  <si>
    <t>0467-26-3751</t>
    <phoneticPr fontId="1"/>
  </si>
  <si>
    <t>たんぽぽルーム</t>
    <phoneticPr fontId="1"/>
  </si>
  <si>
    <t>090-6569-8530</t>
    <phoneticPr fontId="1"/>
  </si>
  <si>
    <t>三浦市</t>
    <rPh sb="0" eb="3">
      <t>ミウラシ</t>
    </rPh>
    <phoneticPr fontId="1"/>
  </si>
  <si>
    <t>三崎二葉保育園</t>
    <rPh sb="0" eb="2">
      <t>ミサキ</t>
    </rPh>
    <rPh sb="2" eb="4">
      <t>フタバ</t>
    </rPh>
    <rPh sb="4" eb="7">
      <t>ホイクエン</t>
    </rPh>
    <phoneticPr fontId="1"/>
  </si>
  <si>
    <t>三浦市城山町4-4</t>
    <rPh sb="0" eb="3">
      <t>ミウラシ</t>
    </rPh>
    <rPh sb="3" eb="5">
      <t>シロヤマ</t>
    </rPh>
    <rPh sb="5" eb="6">
      <t>マチ</t>
    </rPh>
    <phoneticPr fontId="1"/>
  </si>
  <si>
    <t>046-881-2359</t>
    <phoneticPr fontId="1"/>
  </si>
  <si>
    <t>三浦市</t>
    <rPh sb="0" eb="2">
      <t>ミウラ</t>
    </rPh>
    <rPh sb="2" eb="3">
      <t>シ</t>
    </rPh>
    <phoneticPr fontId="1"/>
  </si>
  <si>
    <t>上宮田小羊保育園</t>
    <rPh sb="0" eb="3">
      <t>カミミヤタ</t>
    </rPh>
    <rPh sb="3" eb="4">
      <t>ショウ</t>
    </rPh>
    <rPh sb="4" eb="5">
      <t>ヒツジ</t>
    </rPh>
    <rPh sb="5" eb="8">
      <t>ホイクエン</t>
    </rPh>
    <phoneticPr fontId="1"/>
  </si>
  <si>
    <t>三浦市南下浦町上宮田3190-1</t>
    <rPh sb="0" eb="3">
      <t>ミウラシ</t>
    </rPh>
    <rPh sb="3" eb="7">
      <t>ミナミシタウラマチ</t>
    </rPh>
    <rPh sb="7" eb="10">
      <t>カミミヤタ</t>
    </rPh>
    <phoneticPr fontId="1"/>
  </si>
  <si>
    <t>046-888-5414</t>
    <phoneticPr fontId="1"/>
  </si>
  <si>
    <t>湯河原町</t>
    <rPh sb="0" eb="4">
      <t>ユガワラマチ</t>
    </rPh>
    <phoneticPr fontId="1"/>
  </si>
  <si>
    <t>川崎市</t>
    <rPh sb="0" eb="3">
      <t>カワサキシ</t>
    </rPh>
    <phoneticPr fontId="1"/>
  </si>
  <si>
    <t>夜間保育所あいいく</t>
    <rPh sb="0" eb="2">
      <t>ヤカン</t>
    </rPh>
    <rPh sb="2" eb="4">
      <t>ホイク</t>
    </rPh>
    <rPh sb="4" eb="5">
      <t>ショ</t>
    </rPh>
    <phoneticPr fontId="6"/>
  </si>
  <si>
    <t>川崎市川崎区本町1-1-1</t>
  </si>
  <si>
    <t>のぞみ保育園</t>
    <rPh sb="3" eb="6">
      <t>ホイクエン</t>
    </rPh>
    <phoneticPr fontId="6"/>
  </si>
  <si>
    <t>川崎市川崎区富士見1-6-10</t>
  </si>
  <si>
    <t>あすいく保育園</t>
    <rPh sb="4" eb="7">
      <t>ホイクエン</t>
    </rPh>
    <phoneticPr fontId="6"/>
  </si>
  <si>
    <t>川崎市川崎区日進町22-14</t>
  </si>
  <si>
    <t>小田さくら保育園</t>
    <rPh sb="0" eb="2">
      <t>オダ</t>
    </rPh>
    <rPh sb="5" eb="8">
      <t>ホイクエン</t>
    </rPh>
    <phoneticPr fontId="7"/>
  </si>
  <si>
    <t>川崎市川崎区小田3-17-3</t>
  </si>
  <si>
    <t>よつば保育園</t>
    <rPh sb="3" eb="6">
      <t>ホイクエン</t>
    </rPh>
    <phoneticPr fontId="6"/>
  </si>
  <si>
    <t>川崎市川崎区四谷上町14-8</t>
  </si>
  <si>
    <t>京町いづみ保育園</t>
    <rPh sb="0" eb="1">
      <t>キョウ</t>
    </rPh>
    <rPh sb="1" eb="2">
      <t>マチ</t>
    </rPh>
    <rPh sb="5" eb="8">
      <t>ホイクエン</t>
    </rPh>
    <phoneticPr fontId="6"/>
  </si>
  <si>
    <t>川崎市川崎区京町3-26-1</t>
  </si>
  <si>
    <t>桜本保育園</t>
    <rPh sb="0" eb="2">
      <t>サクラモト</t>
    </rPh>
    <rPh sb="2" eb="5">
      <t>ホイクエン</t>
    </rPh>
    <phoneticPr fontId="6"/>
  </si>
  <si>
    <t>川崎市川崎区桜本1-9-6</t>
  </si>
  <si>
    <t>新町しほかぜ保育園</t>
    <rPh sb="0" eb="2">
      <t>シンマチ</t>
    </rPh>
    <rPh sb="6" eb="9">
      <t>ホイクエン</t>
    </rPh>
    <phoneticPr fontId="6"/>
  </si>
  <si>
    <t>川崎市川崎区渡田4-9-4</t>
  </si>
  <si>
    <t>境町パイナップル保育園</t>
    <rPh sb="0" eb="1">
      <t>サカイ</t>
    </rPh>
    <rPh sb="1" eb="2">
      <t>マチ</t>
    </rPh>
    <rPh sb="8" eb="11">
      <t>ホ</t>
    </rPh>
    <phoneticPr fontId="6"/>
  </si>
  <si>
    <t>川崎市川崎区境町11-9</t>
  </si>
  <si>
    <t>かわなかじま保育園</t>
    <rPh sb="6" eb="9">
      <t>ホイクエン</t>
    </rPh>
    <phoneticPr fontId="6"/>
  </si>
  <si>
    <t>川崎市川崎区藤崎2-19-2</t>
  </si>
  <si>
    <t>大師駅前ひよこ保育園</t>
    <rPh sb="0" eb="2">
      <t>ダイシ</t>
    </rPh>
    <rPh sb="2" eb="4">
      <t>エキマエ</t>
    </rPh>
    <rPh sb="7" eb="10">
      <t>ホイクエン</t>
    </rPh>
    <phoneticPr fontId="6"/>
  </si>
  <si>
    <t>川崎市川崎区川中島1-21-4</t>
  </si>
  <si>
    <t>保育園川崎ベアーズ</t>
    <rPh sb="3" eb="5">
      <t>カワサキ</t>
    </rPh>
    <phoneticPr fontId="6"/>
  </si>
  <si>
    <t>川崎市川崎区大島上町22-12</t>
  </si>
  <si>
    <t>西大島ルーテル保育園</t>
    <rPh sb="0" eb="1">
      <t>ニシ</t>
    </rPh>
    <rPh sb="1" eb="3">
      <t>オオシマ</t>
    </rPh>
    <rPh sb="7" eb="10">
      <t>ホイクエン</t>
    </rPh>
    <phoneticPr fontId="6"/>
  </si>
  <si>
    <t>川崎市川崎区大島1-24-12</t>
  </si>
  <si>
    <t>出来野ルーテル保育園</t>
    <rPh sb="0" eb="3">
      <t>デキノ</t>
    </rPh>
    <rPh sb="7" eb="10">
      <t>ホイクエン</t>
    </rPh>
    <phoneticPr fontId="6"/>
  </si>
  <si>
    <t>川崎市川崎区出来野6-7</t>
  </si>
  <si>
    <t>大島保育園</t>
    <rPh sb="0" eb="2">
      <t>オオシマ</t>
    </rPh>
    <rPh sb="2" eb="4">
      <t>ホイク</t>
    </rPh>
    <rPh sb="4" eb="5">
      <t>エン</t>
    </rPh>
    <phoneticPr fontId="6"/>
  </si>
  <si>
    <t>川崎市川崎区大島4-17-2</t>
  </si>
  <si>
    <t>どりーむ保育園</t>
    <rPh sb="4" eb="7">
      <t>ホイクエン</t>
    </rPh>
    <phoneticPr fontId="6"/>
  </si>
  <si>
    <t>川崎市幸区北加瀬1-31-5</t>
  </si>
  <si>
    <t>ふくじゅ保育園</t>
    <rPh sb="4" eb="7">
      <t>ホイクエン</t>
    </rPh>
    <phoneticPr fontId="6"/>
  </si>
  <si>
    <t>川崎市幸区鹿島田1-21-8</t>
  </si>
  <si>
    <t>かわの風保育園</t>
    <rPh sb="3" eb="4">
      <t>カゼ</t>
    </rPh>
    <rPh sb="4" eb="7">
      <t>ホイクエン</t>
    </rPh>
    <phoneticPr fontId="6"/>
  </si>
  <si>
    <t>川崎市幸区戸手2-12-10</t>
  </si>
  <si>
    <t>どりーむ東小倉保育園</t>
    <rPh sb="4" eb="5">
      <t>ヒガシ</t>
    </rPh>
    <rPh sb="5" eb="7">
      <t>オグラ</t>
    </rPh>
    <rPh sb="7" eb="10">
      <t>ホイクエン</t>
    </rPh>
    <phoneticPr fontId="6"/>
  </si>
  <si>
    <t>川崎市幸区東小倉2-36</t>
  </si>
  <si>
    <t>YMCAかわさき保育園</t>
    <rPh sb="8" eb="11">
      <t>ホイクエン</t>
    </rPh>
    <phoneticPr fontId="6"/>
  </si>
  <si>
    <t>川崎市幸区大宮町26-3　3号棟　102</t>
  </si>
  <si>
    <t>つくし保育園</t>
    <rPh sb="3" eb="6">
      <t>ホイクエン</t>
    </rPh>
    <phoneticPr fontId="6"/>
  </si>
  <si>
    <t>川崎市幸区戸手本町2-420-1</t>
  </si>
  <si>
    <t>保育園リエッタ</t>
    <rPh sb="0" eb="3">
      <t>ホイクエン</t>
    </rPh>
    <phoneticPr fontId="6"/>
  </si>
  <si>
    <t>川崎市幸区南幸町2-9　2・3階</t>
  </si>
  <si>
    <t>ひよし保育園</t>
    <rPh sb="3" eb="6">
      <t>ホイクエン</t>
    </rPh>
    <phoneticPr fontId="8"/>
  </si>
  <si>
    <t>川崎市幸区南加瀬2-9-20</t>
  </si>
  <si>
    <t>幸いづみ保育園</t>
    <rPh sb="0" eb="1">
      <t>サイワ</t>
    </rPh>
    <rPh sb="4" eb="7">
      <t>ホ</t>
    </rPh>
    <phoneticPr fontId="6"/>
  </si>
  <si>
    <t>川崎市幸区南幸町3-149-3　5階</t>
  </si>
  <si>
    <t>小向さくら保育園</t>
    <rPh sb="0" eb="2">
      <t>コムカイ</t>
    </rPh>
    <rPh sb="5" eb="8">
      <t>ホ</t>
    </rPh>
    <phoneticPr fontId="6"/>
  </si>
  <si>
    <t>川崎市幸区小向西町3-52-3</t>
  </si>
  <si>
    <t>新川崎みらいのそら保育園</t>
  </si>
  <si>
    <t>川崎市幸区北加瀬1-11-4</t>
  </si>
  <si>
    <t>川崎市幸区小倉4-6-23</t>
  </si>
  <si>
    <t>長寿保育園</t>
    <rPh sb="0" eb="2">
      <t>チョウジュ</t>
    </rPh>
    <rPh sb="2" eb="5">
      <t>ホイクエン</t>
    </rPh>
    <phoneticPr fontId="6"/>
  </si>
  <si>
    <t>川崎市中原区井田中ノ町12-20</t>
  </si>
  <si>
    <t>すみれ保育園</t>
    <rPh sb="3" eb="6">
      <t>ホイクエン</t>
    </rPh>
    <phoneticPr fontId="6"/>
  </si>
  <si>
    <t>川崎市中原区木月住吉町1-12</t>
  </si>
  <si>
    <t>多摩保育園</t>
    <rPh sb="0" eb="2">
      <t>タマ</t>
    </rPh>
    <rPh sb="2" eb="5">
      <t>ホイクエン</t>
    </rPh>
    <phoneticPr fontId="6"/>
  </si>
  <si>
    <t>川崎市中原区上丸子山王町2-1337</t>
  </si>
  <si>
    <t>木月保育園</t>
    <rPh sb="0" eb="2">
      <t>キヅキ</t>
    </rPh>
    <rPh sb="2" eb="5">
      <t>ホイクエン</t>
    </rPh>
    <phoneticPr fontId="6"/>
  </si>
  <si>
    <t>川崎市中原区木月4-42-14</t>
  </si>
  <si>
    <t>ももの里保育園</t>
    <rPh sb="3" eb="4">
      <t>サト</t>
    </rPh>
    <rPh sb="4" eb="7">
      <t>ホイクエン</t>
    </rPh>
    <phoneticPr fontId="6"/>
  </si>
  <si>
    <t>川崎市中原区宮内2-26-40</t>
  </si>
  <si>
    <t>木月ほほえみ保育園</t>
    <rPh sb="0" eb="2">
      <t>キヅキ</t>
    </rPh>
    <rPh sb="6" eb="9">
      <t>ホイクエン</t>
    </rPh>
    <phoneticPr fontId="7"/>
  </si>
  <si>
    <t>川崎市中原区木月4-14-5</t>
  </si>
  <si>
    <t>川崎市中原区北谷町61</t>
  </si>
  <si>
    <t>川崎市中原区上小田中1-28-25</t>
  </si>
  <si>
    <t>まんまる保育園</t>
    <rPh sb="4" eb="7">
      <t>ホイクエン</t>
    </rPh>
    <phoneticPr fontId="6"/>
  </si>
  <si>
    <t>川崎市中原区上小田中1-29-20</t>
  </si>
  <si>
    <t>武蔵小杉おおぞら保育園</t>
    <rPh sb="0" eb="4">
      <t>ムサシコスギ</t>
    </rPh>
    <rPh sb="8" eb="11">
      <t>ホイクエン</t>
    </rPh>
    <phoneticPr fontId="7"/>
  </si>
  <si>
    <t>川崎市中原区今井西町11-12</t>
  </si>
  <si>
    <t>にじいろ保育園南平間</t>
    <rPh sb="4" eb="7">
      <t>ホイクエン</t>
    </rPh>
    <rPh sb="7" eb="8">
      <t>ミナミ</t>
    </rPh>
    <rPh sb="8" eb="10">
      <t>ヒラマ</t>
    </rPh>
    <phoneticPr fontId="5"/>
  </si>
  <si>
    <t>川崎市中原区上平間1183</t>
  </si>
  <si>
    <t>神地保育園</t>
    <rPh sb="0" eb="2">
      <t>カミチ</t>
    </rPh>
    <rPh sb="2" eb="5">
      <t>ホイクエン</t>
    </rPh>
    <phoneticPr fontId="2"/>
  </si>
  <si>
    <t>川崎市中原区上小田中6-34-36</t>
  </si>
  <si>
    <t>緑の杜保育園</t>
    <rPh sb="0" eb="1">
      <t>ミドリ</t>
    </rPh>
    <rPh sb="2" eb="3">
      <t>モリ</t>
    </rPh>
    <rPh sb="3" eb="6">
      <t>ホイクエン</t>
    </rPh>
    <phoneticPr fontId="6"/>
  </si>
  <si>
    <t>川崎市高津区下作延2-6-3</t>
  </si>
  <si>
    <t>すこやか溝口保育園</t>
    <rPh sb="4" eb="6">
      <t>ミゾノクチ</t>
    </rPh>
    <rPh sb="6" eb="9">
      <t>ホイクエン</t>
    </rPh>
    <phoneticPr fontId="6"/>
  </si>
  <si>
    <t>川崎市高津区溝口2-31-1</t>
  </si>
  <si>
    <t>すこやか高津保育園</t>
    <rPh sb="4" eb="6">
      <t>タカツ</t>
    </rPh>
    <rPh sb="6" eb="9">
      <t>ホイクエン</t>
    </rPh>
    <phoneticPr fontId="6"/>
  </si>
  <si>
    <t>川崎市高津区二子5-1-5</t>
  </si>
  <si>
    <t>川崎市高津区子母口378</t>
  </si>
  <si>
    <t>すこやか諏訪保育園</t>
    <rPh sb="4" eb="6">
      <t>スワ</t>
    </rPh>
    <rPh sb="6" eb="9">
      <t>ホイクエン</t>
    </rPh>
    <phoneticPr fontId="8"/>
  </si>
  <si>
    <t>川崎市高津区諏訪3-20-15</t>
  </si>
  <si>
    <t>みぞのくち保育園</t>
    <rPh sb="5" eb="8">
      <t>ホイクエン</t>
    </rPh>
    <phoneticPr fontId="7"/>
  </si>
  <si>
    <t>川崎市高津区溝口4-19-2</t>
  </si>
  <si>
    <t>野川ほのぼの保育園</t>
    <rPh sb="0" eb="2">
      <t>ノガワ</t>
    </rPh>
    <rPh sb="6" eb="9">
      <t>ホイクエン</t>
    </rPh>
    <phoneticPr fontId="7"/>
  </si>
  <si>
    <t>川崎市高津区東野川2-31-8</t>
  </si>
  <si>
    <t>たちばな中央保育園</t>
    <rPh sb="4" eb="6">
      <t>チュウオウ</t>
    </rPh>
    <rPh sb="6" eb="9">
      <t>ホイクエン</t>
    </rPh>
    <phoneticPr fontId="6"/>
  </si>
  <si>
    <t>川崎市高津区千年1300</t>
  </si>
  <si>
    <t>YMCAたかつ保育園</t>
    <rPh sb="7" eb="10">
      <t>ホイクエン</t>
    </rPh>
    <phoneticPr fontId="6"/>
  </si>
  <si>
    <t>川崎市高津区溝口1-19-1</t>
  </si>
  <si>
    <t>末長こぐま保育園</t>
    <rPh sb="0" eb="2">
      <t>スエナガ</t>
    </rPh>
    <rPh sb="5" eb="8">
      <t>ホイクエン</t>
    </rPh>
    <phoneticPr fontId="6"/>
  </si>
  <si>
    <t>川崎市高津区末長3-25-5</t>
  </si>
  <si>
    <t>うめのき保育園</t>
    <rPh sb="4" eb="7">
      <t>ホイクエン</t>
    </rPh>
    <phoneticPr fontId="6"/>
  </si>
  <si>
    <t>川崎市高津区久地3-13-1</t>
  </si>
  <si>
    <t>保育園ゆいまあむ</t>
    <rPh sb="0" eb="3">
      <t>ホイクエン</t>
    </rPh>
    <phoneticPr fontId="6"/>
  </si>
  <si>
    <t>川崎市高津区末長2-15-6</t>
  </si>
  <si>
    <t>川崎たちばな保育園</t>
    <rPh sb="0" eb="2">
      <t>カワサキ</t>
    </rPh>
    <rPh sb="6" eb="9">
      <t>ホイクエン</t>
    </rPh>
    <phoneticPr fontId="7"/>
  </si>
  <si>
    <t>川崎市高津区向ヶ丘1-3</t>
  </si>
  <si>
    <t>西高津くさはな保育園</t>
    <rPh sb="0" eb="1">
      <t>ニシ</t>
    </rPh>
    <rPh sb="1" eb="3">
      <t>タカツ</t>
    </rPh>
    <rPh sb="7" eb="10">
      <t>ホイクエン</t>
    </rPh>
    <phoneticPr fontId="2"/>
  </si>
  <si>
    <t>川崎市高津区溝口6-10-2</t>
  </si>
  <si>
    <t>さぎ沼なごみ保育園</t>
    <rPh sb="2" eb="3">
      <t>ヌマ</t>
    </rPh>
    <rPh sb="6" eb="9">
      <t>ホイクエン</t>
    </rPh>
    <phoneticPr fontId="6"/>
  </si>
  <si>
    <t>川崎市宮前区土橋3-1-6</t>
  </si>
  <si>
    <t>たつのこのはら保育園</t>
    <rPh sb="7" eb="10">
      <t>ホイクエン</t>
    </rPh>
    <phoneticPr fontId="6"/>
  </si>
  <si>
    <t>川崎市宮前区土橋4-7-1</t>
  </si>
  <si>
    <t>宮前空翠保育園</t>
    <rPh sb="0" eb="2">
      <t>ミヤマエ</t>
    </rPh>
    <rPh sb="2" eb="3">
      <t>ソラ</t>
    </rPh>
    <rPh sb="3" eb="4">
      <t>スイ</t>
    </rPh>
    <rPh sb="4" eb="7">
      <t>ホイクエン</t>
    </rPh>
    <phoneticPr fontId="7"/>
  </si>
  <si>
    <t>川崎市宮前区土橋1-2-3</t>
  </si>
  <si>
    <t>こどものいえもも保育園</t>
    <rPh sb="8" eb="11">
      <t>ホイクエン</t>
    </rPh>
    <phoneticPr fontId="6"/>
  </si>
  <si>
    <t>川崎市宮前区馬絹1-24-9</t>
  </si>
  <si>
    <t>もものか保育園</t>
    <rPh sb="4" eb="7">
      <t>ホイクエン</t>
    </rPh>
    <phoneticPr fontId="6"/>
  </si>
  <si>
    <t>川崎市宮前区馬絹1-9-2</t>
  </si>
  <si>
    <t>西有馬おひさま保育園</t>
    <rPh sb="0" eb="1">
      <t>ニシ</t>
    </rPh>
    <rPh sb="1" eb="3">
      <t>アリマ</t>
    </rPh>
    <rPh sb="7" eb="10">
      <t>ホイクエン</t>
    </rPh>
    <phoneticPr fontId="6"/>
  </si>
  <si>
    <t>川崎市宮前区有馬1-8-6</t>
  </si>
  <si>
    <t>すきっぷ保育園</t>
    <rPh sb="4" eb="7">
      <t>ホイクエン</t>
    </rPh>
    <phoneticPr fontId="6"/>
  </si>
  <si>
    <t>川崎市宮前区宮崎2-1-1　2階</t>
  </si>
  <si>
    <t>グリーンフォレスト神木保育園</t>
    <rPh sb="9" eb="11">
      <t>シンボク</t>
    </rPh>
    <rPh sb="11" eb="14">
      <t>ホイクエン</t>
    </rPh>
    <phoneticPr fontId="6"/>
  </si>
  <si>
    <t>川崎市宮前区神木本町2-5-5</t>
  </si>
  <si>
    <t>ティンクルくぬぎ坂保育園</t>
    <rPh sb="8" eb="9">
      <t>ザカ</t>
    </rPh>
    <rPh sb="9" eb="12">
      <t>ホ</t>
    </rPh>
    <phoneticPr fontId="6"/>
  </si>
  <si>
    <t>アスク宮前平保育園</t>
    <rPh sb="3" eb="5">
      <t>ミヤマエ</t>
    </rPh>
    <rPh sb="5" eb="6">
      <t>タイラ</t>
    </rPh>
    <rPh sb="6" eb="9">
      <t>ホイクエン</t>
    </rPh>
    <phoneticPr fontId="5"/>
  </si>
  <si>
    <t>川崎市宮前区宮前平2-11-6</t>
  </si>
  <si>
    <t>みなみすがお保育園</t>
    <rPh sb="6" eb="9">
      <t>ホイクエン</t>
    </rPh>
    <phoneticPr fontId="2"/>
  </si>
  <si>
    <t>川崎市宮前区菅生4-4-1</t>
  </si>
  <si>
    <t>ひばり保育園</t>
    <rPh sb="3" eb="6">
      <t>ホイクエン</t>
    </rPh>
    <phoneticPr fontId="10"/>
  </si>
  <si>
    <t>川崎市多摩区宿河原6-46-6</t>
  </si>
  <si>
    <t>星の子愛児園</t>
    <rPh sb="0" eb="1">
      <t>ホシ</t>
    </rPh>
    <rPh sb="2" eb="3">
      <t>コ</t>
    </rPh>
    <rPh sb="3" eb="5">
      <t>アイジ</t>
    </rPh>
    <rPh sb="5" eb="6">
      <t>エン</t>
    </rPh>
    <phoneticPr fontId="10"/>
  </si>
  <si>
    <t>川崎市多摩区菅稲田堤1-17-25</t>
  </si>
  <si>
    <t>菅の子愛児園</t>
    <rPh sb="0" eb="1">
      <t>スゲ</t>
    </rPh>
    <rPh sb="2" eb="3">
      <t>コ</t>
    </rPh>
    <rPh sb="3" eb="5">
      <t>アイジ</t>
    </rPh>
    <rPh sb="5" eb="6">
      <t>エン</t>
    </rPh>
    <phoneticPr fontId="11"/>
  </si>
  <si>
    <t>川崎市多摩区菅稲田堤1-3-16</t>
  </si>
  <si>
    <t>西しゅくマーノ保育園</t>
    <rPh sb="0" eb="1">
      <t>ニシ</t>
    </rPh>
    <rPh sb="7" eb="10">
      <t>ホイクエン</t>
    </rPh>
    <phoneticPr fontId="10"/>
  </si>
  <si>
    <t>川崎市多摩区宿河原2-19-6</t>
  </si>
  <si>
    <t>KFJ多摩なのはな保育園</t>
    <rPh sb="3" eb="5">
      <t>タマ</t>
    </rPh>
    <rPh sb="9" eb="12">
      <t>ホイクエン</t>
    </rPh>
    <phoneticPr fontId="10"/>
  </si>
  <si>
    <t>川崎市多摩区登戸2249-1</t>
  </si>
  <si>
    <t>中野島フレンズ保育園</t>
    <rPh sb="0" eb="3">
      <t>ナカノシマ</t>
    </rPh>
    <rPh sb="7" eb="10">
      <t>ホイクエン</t>
    </rPh>
    <phoneticPr fontId="10"/>
  </si>
  <si>
    <t>川崎市多摩区布田18-25</t>
  </si>
  <si>
    <t>三田かしのみ保育園</t>
    <rPh sb="0" eb="2">
      <t>ミタ</t>
    </rPh>
    <rPh sb="6" eb="9">
      <t>ホイクエン</t>
    </rPh>
    <phoneticPr fontId="10"/>
  </si>
  <si>
    <t>川崎市多摩区三田1-18-3</t>
  </si>
  <si>
    <t>保育園アリス宿河原</t>
    <rPh sb="6" eb="9">
      <t>シュクガワラ</t>
    </rPh>
    <phoneticPr fontId="10"/>
  </si>
  <si>
    <t>川崎市多摩区宿河原3-13-9</t>
  </si>
  <si>
    <t>あさのみ保育園</t>
    <rPh sb="4" eb="7">
      <t>ホイクエン</t>
    </rPh>
    <phoneticPr fontId="6"/>
  </si>
  <si>
    <t>川崎市麻生区上麻生3-22-14</t>
  </si>
  <si>
    <t>柿生保育園</t>
    <rPh sb="0" eb="2">
      <t>カキオ</t>
    </rPh>
    <rPh sb="2" eb="5">
      <t>ホイクエン</t>
    </rPh>
    <phoneticPr fontId="6"/>
  </si>
  <si>
    <t>川崎市麻生区上麻生5-23-1</t>
  </si>
  <si>
    <t>至誠館ゆりがおか保育園</t>
    <rPh sb="0" eb="2">
      <t>シセイ</t>
    </rPh>
    <rPh sb="2" eb="3">
      <t>カン</t>
    </rPh>
    <rPh sb="8" eb="11">
      <t>ホイクエン</t>
    </rPh>
    <phoneticPr fontId="6"/>
  </si>
  <si>
    <t>川崎市麻生区百合丘1-18-3</t>
  </si>
  <si>
    <t>はるひ野保育園</t>
    <rPh sb="3" eb="4">
      <t>ノ</t>
    </rPh>
    <rPh sb="4" eb="7">
      <t>ホイクエン</t>
    </rPh>
    <phoneticPr fontId="6"/>
  </si>
  <si>
    <t>川崎市麻生区はるひ野2-7-1</t>
  </si>
  <si>
    <t>くろかわのぞみ保育園</t>
    <rPh sb="7" eb="10">
      <t>ホイクエン</t>
    </rPh>
    <phoneticPr fontId="6"/>
  </si>
  <si>
    <t>川崎市麻生区はるひ野4-7-1</t>
  </si>
  <si>
    <t>すぎのこ保育園</t>
    <rPh sb="4" eb="7">
      <t>ホイクエン</t>
    </rPh>
    <phoneticPr fontId="6"/>
  </si>
  <si>
    <t>はじめの一歩保育園</t>
    <rPh sb="4" eb="6">
      <t>イッポ</t>
    </rPh>
    <rPh sb="6" eb="9">
      <t>ホイクエン</t>
    </rPh>
    <phoneticPr fontId="6"/>
  </si>
  <si>
    <t>川崎市麻生区上麻生7-41-5</t>
  </si>
  <si>
    <t>川崎市麻生区白鳥1-17-2</t>
  </si>
  <si>
    <t>登戸ピノキオ保育園</t>
    <rPh sb="0" eb="2">
      <t>ノボリト</t>
    </rPh>
    <rPh sb="6" eb="9">
      <t>ホイクエン</t>
    </rPh>
    <phoneticPr fontId="4"/>
  </si>
  <si>
    <t>川崎市多摩区生田2-20-23</t>
    <rPh sb="0" eb="3">
      <t>カワサキシ</t>
    </rPh>
    <rPh sb="3" eb="6">
      <t>タマク</t>
    </rPh>
    <phoneticPr fontId="1"/>
  </si>
  <si>
    <t>相模原市中央区淵野辺4-14-5 
ヴェリナス5 1階</t>
    <rPh sb="0" eb="4">
      <t>サガミハラシ</t>
    </rPh>
    <phoneticPr fontId="1"/>
  </si>
  <si>
    <t>相模原市南区古淵3-12-4 
パサ二アビル 1階</t>
    <rPh sb="0" eb="4">
      <t>サガミハラシ</t>
    </rPh>
    <phoneticPr fontId="1"/>
  </si>
  <si>
    <t>鎌倉市由比ガ浜3-11-48</t>
    <rPh sb="0" eb="3">
      <t>カマクラシ</t>
    </rPh>
    <rPh sb="3" eb="5">
      <t>ユイ</t>
    </rPh>
    <rPh sb="6" eb="7">
      <t>ハマ</t>
    </rPh>
    <phoneticPr fontId="1"/>
  </si>
  <si>
    <t>鎌倉市梶原2-33-2</t>
    <rPh sb="0" eb="3">
      <t>カマクラシ</t>
    </rPh>
    <rPh sb="3" eb="5">
      <t>カジワラ</t>
    </rPh>
    <phoneticPr fontId="1"/>
  </si>
  <si>
    <t>鎌倉市佐助1-13-6</t>
    <rPh sb="0" eb="3">
      <t>カマクラシ</t>
    </rPh>
    <rPh sb="3" eb="5">
      <t>サスケ</t>
    </rPh>
    <phoneticPr fontId="1"/>
  </si>
  <si>
    <t>鎌倉市手広2-18-27</t>
    <phoneticPr fontId="1"/>
  </si>
  <si>
    <t>鎌倉市台2-6-7</t>
    <phoneticPr fontId="1"/>
  </si>
  <si>
    <t>鎌倉市大船6-5-53</t>
    <phoneticPr fontId="1"/>
  </si>
  <si>
    <t>鎌倉市岩瀬776-2</t>
    <phoneticPr fontId="1"/>
  </si>
  <si>
    <t>鎌倉市岡本1022-31</t>
    <phoneticPr fontId="1"/>
  </si>
  <si>
    <t>藤沢市善行2-18-1</t>
    <rPh sb="0" eb="3">
      <t>フジサワシ</t>
    </rPh>
    <phoneticPr fontId="1"/>
  </si>
  <si>
    <t>藤沢市大庭5103-3</t>
    <phoneticPr fontId="1"/>
  </si>
  <si>
    <t>藤沢市本鵠沼3-16-25</t>
    <phoneticPr fontId="1"/>
  </si>
  <si>
    <t>藤沢市湘南台6-31-6</t>
    <phoneticPr fontId="1"/>
  </si>
  <si>
    <t>藤沢市鵠沼海岸6-6-10</t>
    <phoneticPr fontId="1"/>
  </si>
  <si>
    <t>藤沢市湘南台3-9-1</t>
    <phoneticPr fontId="1"/>
  </si>
  <si>
    <t>藤沢市片瀬5-13-15</t>
    <phoneticPr fontId="1"/>
  </si>
  <si>
    <t>藤沢市大庭7990-1</t>
    <phoneticPr fontId="1"/>
  </si>
  <si>
    <t>藤沢市辻堂神台1-3-39
オザワビル2・3階</t>
    <phoneticPr fontId="1"/>
  </si>
  <si>
    <t>藤沢市城南1-16-16</t>
    <phoneticPr fontId="1"/>
  </si>
  <si>
    <t>藤沢市大庭5406-14</t>
    <phoneticPr fontId="1"/>
  </si>
  <si>
    <t>藤沢市辻堂西海岸2-12-1</t>
    <phoneticPr fontId="1"/>
  </si>
  <si>
    <t>藤沢市渡内3-8-67</t>
    <phoneticPr fontId="1"/>
  </si>
  <si>
    <t>茅ヶ崎市浜見平11番1号</t>
    <phoneticPr fontId="1"/>
  </si>
  <si>
    <t>茅ヶ崎市中海岸一丁目2番42号</t>
    <phoneticPr fontId="1"/>
  </si>
  <si>
    <t>茅ヶ崎市甘沼898番地</t>
    <phoneticPr fontId="1"/>
  </si>
  <si>
    <t>茅ヶ崎市緑が浜7番52号</t>
    <phoneticPr fontId="1"/>
  </si>
  <si>
    <t>茅ヶ崎市甘沼244番地3</t>
    <rPh sb="9" eb="11">
      <t>バンチ</t>
    </rPh>
    <phoneticPr fontId="1"/>
  </si>
  <si>
    <t>茅ヶ崎市今宿473番地1</t>
    <phoneticPr fontId="1"/>
  </si>
  <si>
    <t>茅ヶ崎市新栄町12番12号　
茅ヶ崎トラストビル1Ｆ</t>
    <phoneticPr fontId="1"/>
  </si>
  <si>
    <t>茅ヶ崎市東海岸南一丁目4番6号</t>
    <rPh sb="8" eb="11">
      <t>イッチョウメ</t>
    </rPh>
    <rPh sb="12" eb="13">
      <t>バン</t>
    </rPh>
    <rPh sb="14" eb="15">
      <t>ゴウ</t>
    </rPh>
    <phoneticPr fontId="1"/>
  </si>
  <si>
    <t>茅ヶ崎市松浪二丁目3番28号</t>
    <phoneticPr fontId="1"/>
  </si>
  <si>
    <t>茅ヶ崎市本村四丁目19番26号</t>
    <phoneticPr fontId="1"/>
  </si>
  <si>
    <t>茅ヶ崎市新栄町13番45号　
陽北ビル</t>
    <phoneticPr fontId="1"/>
  </si>
  <si>
    <t>茅ヶ崎市東海岸南二丁目6番9号　
茅ヶ崎共生ビル2階</t>
    <rPh sb="8" eb="11">
      <t>ニチョウメ</t>
    </rPh>
    <rPh sb="12" eb="13">
      <t>バン</t>
    </rPh>
    <rPh sb="14" eb="15">
      <t>ゴウ</t>
    </rPh>
    <rPh sb="25" eb="26">
      <t>カイ</t>
    </rPh>
    <phoneticPr fontId="1"/>
  </si>
  <si>
    <t>茅ヶ崎市小和田一丁目5番36号</t>
    <phoneticPr fontId="1"/>
  </si>
  <si>
    <t>茅ヶ崎市富士見町5番2号</t>
    <phoneticPr fontId="1"/>
  </si>
  <si>
    <t>茅ヶ崎市東海岸北三丁目10番4号</t>
    <phoneticPr fontId="1"/>
  </si>
  <si>
    <t>茅ヶ崎市美住町2番10号</t>
    <phoneticPr fontId="1"/>
  </si>
  <si>
    <t>茅ヶ崎市本村一丁目2番14号　
医療モール湘南3階</t>
    <phoneticPr fontId="1"/>
  </si>
  <si>
    <t>茅ヶ崎市東海岸北二丁目1番42号　
サンシルクマンション１階</t>
    <phoneticPr fontId="1"/>
  </si>
  <si>
    <t>茅ヶ崎市浜竹一丁目14番1号　
アドヴァンスフジ102号室</t>
    <phoneticPr fontId="1"/>
  </si>
  <si>
    <t>茅ヶ崎市菱沼三丁目1番26号　
SHONAN AOYAGI BLD.101号室</t>
    <rPh sb="37" eb="39">
      <t>ゴウシツ</t>
    </rPh>
    <phoneticPr fontId="1"/>
  </si>
  <si>
    <t>茅ヶ崎市萩園1230番地　
東総ビル2Ｆ‐Ａ</t>
    <rPh sb="10" eb="12">
      <t>バンチ</t>
    </rPh>
    <phoneticPr fontId="1"/>
  </si>
  <si>
    <t>茅ヶ崎市東海岸北二丁目11番45号　
鈴木ハイツ101号･102号</t>
    <phoneticPr fontId="1"/>
  </si>
  <si>
    <t>茅ヶ崎市高田五丁目4番36号</t>
    <phoneticPr fontId="1"/>
  </si>
  <si>
    <t>茅ヶ崎市十間坂三丁目10番36号</t>
    <rPh sb="0" eb="4">
      <t>チガサキシ</t>
    </rPh>
    <rPh sb="4" eb="7">
      <t>ジュッケンザカ</t>
    </rPh>
    <rPh sb="7" eb="10">
      <t>サンチョウメ</t>
    </rPh>
    <rPh sb="12" eb="13">
      <t>バン</t>
    </rPh>
    <rPh sb="15" eb="16">
      <t>ゴウ</t>
    </rPh>
    <phoneticPr fontId="1"/>
  </si>
  <si>
    <t>茅ヶ崎市香川三丁目4番5号</t>
    <rPh sb="0" eb="3">
      <t>チガサキ</t>
    </rPh>
    <rPh sb="3" eb="4">
      <t>シ</t>
    </rPh>
    <rPh sb="4" eb="6">
      <t>カガワ</t>
    </rPh>
    <rPh sb="6" eb="9">
      <t>サンチョウメ</t>
    </rPh>
    <rPh sb="10" eb="11">
      <t>バン</t>
    </rPh>
    <rPh sb="12" eb="13">
      <t>ゴウ</t>
    </rPh>
    <phoneticPr fontId="1"/>
  </si>
  <si>
    <t>秦野市尾尻952番地の16</t>
    <phoneticPr fontId="1"/>
  </si>
  <si>
    <t>秦野市南が丘二丁目1番地</t>
    <phoneticPr fontId="1"/>
  </si>
  <si>
    <t>秦野市平沢1243番地の3</t>
    <phoneticPr fontId="1"/>
  </si>
  <si>
    <t>秦野市室町3番23号</t>
    <phoneticPr fontId="1"/>
  </si>
  <si>
    <t>秦野市東田原440番地の5</t>
    <phoneticPr fontId="1"/>
  </si>
  <si>
    <t>秦野市並木町9番36号</t>
    <phoneticPr fontId="1"/>
  </si>
  <si>
    <t>秦野市立野台一丁目3番7号</t>
    <phoneticPr fontId="1"/>
  </si>
  <si>
    <t>秦野市横野57番地の1</t>
    <phoneticPr fontId="1"/>
  </si>
  <si>
    <t>秦野市鶴巻南五丁目1番5号</t>
    <phoneticPr fontId="1"/>
  </si>
  <si>
    <t>秦野市堀川22番地の1</t>
    <phoneticPr fontId="1"/>
  </si>
  <si>
    <t>座間市</t>
    <rPh sb="0" eb="3">
      <t>ザマシ</t>
    </rPh>
    <phoneticPr fontId="1"/>
  </si>
  <si>
    <t>わかば保育園</t>
    <rPh sb="3" eb="6">
      <t>ホイクエン</t>
    </rPh>
    <phoneticPr fontId="1"/>
  </si>
  <si>
    <t>座間市座間1-3281</t>
    <rPh sb="0" eb="3">
      <t>ザマシ</t>
    </rPh>
    <rPh sb="3" eb="5">
      <t>ザマ</t>
    </rPh>
    <phoneticPr fontId="1"/>
  </si>
  <si>
    <t>046-251-6776</t>
  </si>
  <si>
    <t>座間保育園</t>
    <rPh sb="0" eb="2">
      <t>ザマ</t>
    </rPh>
    <rPh sb="2" eb="5">
      <t>ホイクエン</t>
    </rPh>
    <phoneticPr fontId="1"/>
  </si>
  <si>
    <t>座間市入谷東4-58-1</t>
    <rPh sb="0" eb="3">
      <t>ザマシ</t>
    </rPh>
    <rPh sb="3" eb="5">
      <t>イリヤ</t>
    </rPh>
    <rPh sb="5" eb="6">
      <t>ヒガシ</t>
    </rPh>
    <phoneticPr fontId="1"/>
  </si>
  <si>
    <t>046-251-0355</t>
  </si>
  <si>
    <t>やなせ保育園</t>
    <rPh sb="3" eb="5">
      <t>ホイク</t>
    </rPh>
    <rPh sb="5" eb="6">
      <t>エン</t>
    </rPh>
    <phoneticPr fontId="1"/>
  </si>
  <si>
    <t>座間市入谷東3-27-1</t>
    <rPh sb="0" eb="3">
      <t>ザマシ</t>
    </rPh>
    <rPh sb="3" eb="5">
      <t>イリヤ</t>
    </rPh>
    <rPh sb="5" eb="6">
      <t>ヒガシ</t>
    </rPh>
    <phoneticPr fontId="1"/>
  </si>
  <si>
    <t>046-251-5544</t>
  </si>
  <si>
    <t>座間子どもの家保育園</t>
    <rPh sb="0" eb="2">
      <t>ザマ</t>
    </rPh>
    <rPh sb="2" eb="3">
      <t>コ</t>
    </rPh>
    <rPh sb="6" eb="7">
      <t>イエ</t>
    </rPh>
    <rPh sb="7" eb="10">
      <t>ホイクエン</t>
    </rPh>
    <phoneticPr fontId="1"/>
  </si>
  <si>
    <t>座間市さがみ野1-8-25</t>
    <rPh sb="0" eb="3">
      <t>ザマシ</t>
    </rPh>
    <rPh sb="6" eb="7">
      <t>ノ</t>
    </rPh>
    <phoneticPr fontId="1"/>
  </si>
  <si>
    <t>046-253-2784</t>
  </si>
  <si>
    <t>あゆみ保育園</t>
    <rPh sb="3" eb="5">
      <t>ホイク</t>
    </rPh>
    <rPh sb="5" eb="6">
      <t>エン</t>
    </rPh>
    <phoneticPr fontId="1"/>
  </si>
  <si>
    <t>座間市緑ケ丘4-16-16</t>
    <rPh sb="0" eb="3">
      <t>ザマシ</t>
    </rPh>
    <rPh sb="3" eb="4">
      <t>ミドリ</t>
    </rPh>
    <rPh sb="5" eb="6">
      <t>オカ</t>
    </rPh>
    <phoneticPr fontId="1"/>
  </si>
  <si>
    <t>046-255-8691</t>
  </si>
  <si>
    <t>栗の実保育園</t>
    <rPh sb="0" eb="1">
      <t>クリ</t>
    </rPh>
    <rPh sb="2" eb="3">
      <t>ミ</t>
    </rPh>
    <rPh sb="3" eb="6">
      <t>ホイクエン</t>
    </rPh>
    <phoneticPr fontId="1"/>
  </si>
  <si>
    <t>座間市東原1-6-30</t>
    <rPh sb="0" eb="3">
      <t>ザマシ</t>
    </rPh>
    <rPh sb="3" eb="5">
      <t>ヒガシハラ</t>
    </rPh>
    <phoneticPr fontId="1"/>
  </si>
  <si>
    <t>046-254-1929</t>
  </si>
  <si>
    <t>座間すこやか保育園</t>
    <rPh sb="0" eb="2">
      <t>ザマ</t>
    </rPh>
    <rPh sb="6" eb="8">
      <t>ホイク</t>
    </rPh>
    <rPh sb="8" eb="9">
      <t>エン</t>
    </rPh>
    <phoneticPr fontId="1"/>
  </si>
  <si>
    <t>座間入谷東3-35-12</t>
    <rPh sb="0" eb="2">
      <t>ザマ</t>
    </rPh>
    <rPh sb="2" eb="4">
      <t>イリヤ</t>
    </rPh>
    <rPh sb="4" eb="5">
      <t>ヒガシ</t>
    </rPh>
    <phoneticPr fontId="1"/>
  </si>
  <si>
    <t>046-298-2555</t>
  </si>
  <si>
    <t>ナーサリースクールT&amp;Y相模が丘</t>
    <rPh sb="12" eb="14">
      <t>サガミ</t>
    </rPh>
    <rPh sb="15" eb="16">
      <t>オカ</t>
    </rPh>
    <phoneticPr fontId="1"/>
  </si>
  <si>
    <t>座間市相模が丘5-47-16</t>
    <rPh sb="0" eb="5">
      <t>ザマシサガミ</t>
    </rPh>
    <rPh sb="6" eb="7">
      <t>オカ</t>
    </rPh>
    <phoneticPr fontId="1"/>
  </si>
  <si>
    <t>042-705-4561</t>
  </si>
  <si>
    <t>マジオたんぽぽ保育園</t>
    <rPh sb="7" eb="9">
      <t>ホイク</t>
    </rPh>
    <rPh sb="9" eb="10">
      <t>エン</t>
    </rPh>
    <phoneticPr fontId="1"/>
  </si>
  <si>
    <t>座間市相武台2-42-23</t>
    <rPh sb="0" eb="3">
      <t>ザマシ</t>
    </rPh>
    <rPh sb="3" eb="6">
      <t>ソウブダイ</t>
    </rPh>
    <phoneticPr fontId="1"/>
  </si>
  <si>
    <t>046-255-5522</t>
  </si>
  <si>
    <t>座間ゆめっこ保育園</t>
    <rPh sb="0" eb="2">
      <t>ザマ</t>
    </rPh>
    <rPh sb="6" eb="8">
      <t>ホイク</t>
    </rPh>
    <rPh sb="8" eb="9">
      <t>エン</t>
    </rPh>
    <phoneticPr fontId="1"/>
  </si>
  <si>
    <t>046-256-0888</t>
  </si>
  <si>
    <t>子どもの家ひまわり保育園</t>
    <rPh sb="0" eb="1">
      <t>コ</t>
    </rPh>
    <rPh sb="4" eb="5">
      <t>イエ</t>
    </rPh>
    <rPh sb="9" eb="11">
      <t>ホイク</t>
    </rPh>
    <rPh sb="11" eb="12">
      <t>エン</t>
    </rPh>
    <phoneticPr fontId="1"/>
  </si>
  <si>
    <t>042-705-5885</t>
  </si>
  <si>
    <t>花水さくら保育園</t>
    <rPh sb="0" eb="2">
      <t>ハナミズ</t>
    </rPh>
    <rPh sb="5" eb="8">
      <t>ホイクエン</t>
    </rPh>
    <phoneticPr fontId="2"/>
  </si>
  <si>
    <t>平塚市花水台10-21</t>
    <rPh sb="0" eb="3">
      <t>ヒラツカシ</t>
    </rPh>
    <rPh sb="3" eb="5">
      <t>ハナミズ</t>
    </rPh>
    <phoneticPr fontId="2"/>
  </si>
  <si>
    <t>0463-30-3100</t>
  </si>
  <si>
    <t>厚木田園幼稚園</t>
  </si>
  <si>
    <t>厚木市三田1303</t>
  </si>
  <si>
    <t>046-223-7543</t>
  </si>
  <si>
    <t>ちいさなほいくえん・とんとん</t>
    <phoneticPr fontId="1"/>
  </si>
  <si>
    <t>南足柄市塚原719番地</t>
    <rPh sb="0" eb="4">
      <t>ミナミアシガラシ</t>
    </rPh>
    <rPh sb="4" eb="6">
      <t>ツカハラ</t>
    </rPh>
    <rPh sb="9" eb="11">
      <t>バンチ</t>
    </rPh>
    <phoneticPr fontId="1"/>
  </si>
  <si>
    <t>0465-43-7660</t>
    <phoneticPr fontId="1"/>
  </si>
  <si>
    <t>保育ルームFelice中央林間園</t>
    <rPh sb="0" eb="2">
      <t>ホイク</t>
    </rPh>
    <rPh sb="11" eb="15">
      <t>チュウオウリンカン</t>
    </rPh>
    <rPh sb="15" eb="16">
      <t>エン</t>
    </rPh>
    <phoneticPr fontId="1"/>
  </si>
  <si>
    <t>大和市中央林間6-2-12</t>
    <rPh sb="0" eb="2">
      <t>ヤマト</t>
    </rPh>
    <rPh sb="2" eb="3">
      <t>シ</t>
    </rPh>
    <rPh sb="3" eb="7">
      <t>チュウオウリンカン</t>
    </rPh>
    <phoneticPr fontId="1"/>
  </si>
  <si>
    <t>046-259-7471</t>
    <phoneticPr fontId="1"/>
  </si>
  <si>
    <t>ぽとふ大和　第2</t>
    <rPh sb="3" eb="5">
      <t>ヤマト</t>
    </rPh>
    <rPh sb="6" eb="7">
      <t>ダイ</t>
    </rPh>
    <phoneticPr fontId="1"/>
  </si>
  <si>
    <t xml:space="preserve">大和市中央2-6-17　2F </t>
    <rPh sb="0" eb="2">
      <t>ヤマト</t>
    </rPh>
    <rPh sb="2" eb="3">
      <t>シ</t>
    </rPh>
    <rPh sb="3" eb="5">
      <t>チュウオウ</t>
    </rPh>
    <phoneticPr fontId="1"/>
  </si>
  <si>
    <t>046-200-3801</t>
    <phoneticPr fontId="1"/>
  </si>
  <si>
    <t>046-200-7355</t>
    <phoneticPr fontId="1"/>
  </si>
  <si>
    <t>さくらの森保育園　　　　　　　　
さくらの森保育園分園</t>
    <rPh sb="4" eb="5">
      <t>モリ</t>
    </rPh>
    <rPh sb="5" eb="8">
      <t>ホイクエン</t>
    </rPh>
    <rPh sb="21" eb="22">
      <t>モリ</t>
    </rPh>
    <rPh sb="22" eb="25">
      <t>ホイクエン</t>
    </rPh>
    <rPh sb="25" eb="27">
      <t>ブンエン</t>
    </rPh>
    <phoneticPr fontId="1"/>
  </si>
  <si>
    <t>海老名市</t>
    <rPh sb="0" eb="4">
      <t>エビナシ</t>
    </rPh>
    <phoneticPr fontId="1"/>
  </si>
  <si>
    <t>ほほえみさくら保育園</t>
    <rPh sb="7" eb="10">
      <t>ホイクエン</t>
    </rPh>
    <phoneticPr fontId="1"/>
  </si>
  <si>
    <t>046-205-7232</t>
    <phoneticPr fontId="1"/>
  </si>
  <si>
    <t>サクラフェリーチェ保育園・辻堂</t>
    <phoneticPr fontId="1"/>
  </si>
  <si>
    <t>茅ヶ崎市本宿町6番15号</t>
    <rPh sb="8" eb="9">
      <t>バン</t>
    </rPh>
    <rPh sb="11" eb="12">
      <t>ゴウ</t>
    </rPh>
    <phoneticPr fontId="1"/>
  </si>
  <si>
    <t>0467-52-5011</t>
    <phoneticPr fontId="1"/>
  </si>
  <si>
    <t>046-297-7789</t>
    <phoneticPr fontId="1"/>
  </si>
  <si>
    <t>カミヤト凸凹保育園</t>
    <rPh sb="4" eb="9">
      <t>デコボコホイクエン</t>
    </rPh>
    <phoneticPr fontId="1"/>
  </si>
  <si>
    <t>厚木市上依知425-1</t>
    <rPh sb="0" eb="3">
      <t>アツギシ</t>
    </rPh>
    <rPh sb="3" eb="6">
      <t>カミエチ</t>
    </rPh>
    <phoneticPr fontId="1"/>
  </si>
  <si>
    <t>046-245-7878</t>
    <phoneticPr fontId="1"/>
  </si>
  <si>
    <t>瑠璃光寺保育園</t>
    <rPh sb="0" eb="4">
      <t>ルリコウジ</t>
    </rPh>
    <rPh sb="4" eb="7">
      <t>ホイクエン</t>
    </rPh>
    <phoneticPr fontId="1"/>
  </si>
  <si>
    <t>厚木市上依知1747</t>
    <rPh sb="0" eb="3">
      <t>アツギシ</t>
    </rPh>
    <rPh sb="3" eb="6">
      <t>カミエチ</t>
    </rPh>
    <phoneticPr fontId="1"/>
  </si>
  <si>
    <t>046-245-0336</t>
    <phoneticPr fontId="1"/>
  </si>
  <si>
    <t>にっしん幼稚園</t>
    <rPh sb="4" eb="7">
      <t>ヨウチエン</t>
    </rPh>
    <phoneticPr fontId="1"/>
  </si>
  <si>
    <t>海老名市柏ケ谷263番地</t>
    <rPh sb="0" eb="4">
      <t>エビナシ</t>
    </rPh>
    <rPh sb="4" eb="7">
      <t>カシワガヤ</t>
    </rPh>
    <rPh sb="10" eb="12">
      <t>バンチ</t>
    </rPh>
    <phoneticPr fontId="1"/>
  </si>
  <si>
    <t>046-232-0890</t>
    <phoneticPr fontId="1"/>
  </si>
  <si>
    <t>逗子市</t>
    <rPh sb="0" eb="3">
      <t>ズシシ</t>
    </rPh>
    <phoneticPr fontId="1"/>
  </si>
  <si>
    <t>双葉保育園</t>
    <rPh sb="0" eb="2">
      <t>フタバ</t>
    </rPh>
    <rPh sb="2" eb="5">
      <t>ホイクエン</t>
    </rPh>
    <phoneticPr fontId="1"/>
  </si>
  <si>
    <t>逗子市久木2-7-2</t>
    <rPh sb="0" eb="3">
      <t>ズシシ</t>
    </rPh>
    <rPh sb="3" eb="5">
      <t>ヒサギ</t>
    </rPh>
    <phoneticPr fontId="1"/>
  </si>
  <si>
    <t>046-871-2793</t>
    <phoneticPr fontId="1"/>
  </si>
  <si>
    <t>沼間愛児園</t>
    <rPh sb="0" eb="2">
      <t>ヌママ</t>
    </rPh>
    <rPh sb="2" eb="4">
      <t>アイジ</t>
    </rPh>
    <rPh sb="4" eb="5">
      <t>エン</t>
    </rPh>
    <phoneticPr fontId="1"/>
  </si>
  <si>
    <t>逗子市沼間1-21-10</t>
    <rPh sb="0" eb="3">
      <t>ズシシ</t>
    </rPh>
    <rPh sb="3" eb="5">
      <t>ヌママ</t>
    </rPh>
    <phoneticPr fontId="1"/>
  </si>
  <si>
    <t>046-871-2669</t>
    <phoneticPr fontId="1"/>
  </si>
  <si>
    <t>桜山保育園</t>
    <rPh sb="0" eb="2">
      <t>サクラヤマ</t>
    </rPh>
    <rPh sb="2" eb="5">
      <t>ホイクエン</t>
    </rPh>
    <phoneticPr fontId="1"/>
  </si>
  <si>
    <t>逗子市桜山5-15-2</t>
    <rPh sb="0" eb="3">
      <t>ズシシ</t>
    </rPh>
    <rPh sb="3" eb="5">
      <t>サクラヤマ</t>
    </rPh>
    <phoneticPr fontId="1"/>
  </si>
  <si>
    <t>046-873-7222</t>
    <phoneticPr fontId="1"/>
  </si>
  <si>
    <t>逗子なないろ保育園</t>
    <rPh sb="0" eb="2">
      <t>ズシ</t>
    </rPh>
    <rPh sb="6" eb="9">
      <t>ホイクエン</t>
    </rPh>
    <phoneticPr fontId="1"/>
  </si>
  <si>
    <t>逗子市桜山6-18-22</t>
    <rPh sb="0" eb="3">
      <t>ズシシ</t>
    </rPh>
    <rPh sb="3" eb="5">
      <t>サクラヤマ</t>
    </rPh>
    <phoneticPr fontId="1"/>
  </si>
  <si>
    <t>046-854-5175</t>
    <phoneticPr fontId="1"/>
  </si>
  <si>
    <t>藤沢ひばりっこ保育園</t>
    <rPh sb="0" eb="2">
      <t>フジサワ</t>
    </rPh>
    <rPh sb="7" eb="10">
      <t>ホイクエン</t>
    </rPh>
    <phoneticPr fontId="3"/>
  </si>
  <si>
    <t>0466-47-6627</t>
    <phoneticPr fontId="1"/>
  </si>
  <si>
    <t>グリーンキッズ湘南善行駅前</t>
    <rPh sb="7" eb="9">
      <t>ショウナン</t>
    </rPh>
    <rPh sb="9" eb="11">
      <t>ゼンギョウ</t>
    </rPh>
    <rPh sb="11" eb="13">
      <t>エキマエ</t>
    </rPh>
    <phoneticPr fontId="3"/>
  </si>
  <si>
    <t>0466-84-1180</t>
    <phoneticPr fontId="1"/>
  </si>
  <si>
    <t>KIDS SMILE LABO</t>
    <phoneticPr fontId="1"/>
  </si>
  <si>
    <t>プリンス保育園本厚木</t>
    <phoneticPr fontId="1"/>
  </si>
  <si>
    <t>046-227-5944</t>
    <phoneticPr fontId="1"/>
  </si>
  <si>
    <t>042-703-1787</t>
    <phoneticPr fontId="1"/>
  </si>
  <si>
    <t>りとせ相模大野こども園</t>
    <rPh sb="3" eb="7">
      <t>サガミオオノ</t>
    </rPh>
    <rPh sb="10" eb="11">
      <t>エン</t>
    </rPh>
    <phoneticPr fontId="1"/>
  </si>
  <si>
    <t>相模原市南区相模大野3-16-18</t>
    <rPh sb="0" eb="4">
      <t>サガミハラシ</t>
    </rPh>
    <rPh sb="4" eb="6">
      <t>ミナミク</t>
    </rPh>
    <rPh sb="6" eb="10">
      <t>サガミオオノ</t>
    </rPh>
    <phoneticPr fontId="1"/>
  </si>
  <si>
    <t>042-705-4500</t>
    <phoneticPr fontId="1"/>
  </si>
  <si>
    <t>すずらん保育園</t>
    <rPh sb="4" eb="7">
      <t>ホイクエン</t>
    </rPh>
    <phoneticPr fontId="7"/>
  </si>
  <si>
    <t>042-776-0780</t>
    <phoneticPr fontId="1"/>
  </si>
  <si>
    <t>ぽっかぽっかナーサリー相模原園</t>
    <rPh sb="11" eb="14">
      <t>サガミハラ</t>
    </rPh>
    <rPh sb="14" eb="15">
      <t>エン</t>
    </rPh>
    <phoneticPr fontId="1"/>
  </si>
  <si>
    <t>相模原市中央区相模原6-1-6</t>
    <rPh sb="0" eb="4">
      <t>サガミハラシ</t>
    </rPh>
    <rPh sb="4" eb="7">
      <t>チュウオウク</t>
    </rPh>
    <rPh sb="7" eb="10">
      <t>サガミハラ</t>
    </rPh>
    <phoneticPr fontId="1"/>
  </si>
  <si>
    <t>明徳かみつるま保育園</t>
    <rPh sb="0" eb="2">
      <t>メイトク</t>
    </rPh>
    <rPh sb="7" eb="10">
      <t>ホイクエン</t>
    </rPh>
    <phoneticPr fontId="1"/>
  </si>
  <si>
    <t>相模原市南区上鶴間本町4-11-10</t>
    <rPh sb="0" eb="4">
      <t>サガミハラシ</t>
    </rPh>
    <rPh sb="4" eb="6">
      <t>ミナミク</t>
    </rPh>
    <rPh sb="6" eb="9">
      <t>カミツルマ</t>
    </rPh>
    <rPh sb="9" eb="11">
      <t>ホンチョウ</t>
    </rPh>
    <phoneticPr fontId="1"/>
  </si>
  <si>
    <t>相模原東林間雲母保育園</t>
    <rPh sb="0" eb="3">
      <t>サガミハラ</t>
    </rPh>
    <rPh sb="3" eb="6">
      <t>ヒガシリンカン</t>
    </rPh>
    <rPh sb="6" eb="8">
      <t>キララ</t>
    </rPh>
    <rPh sb="8" eb="11">
      <t>ホイクエン</t>
    </rPh>
    <phoneticPr fontId="1"/>
  </si>
  <si>
    <t>相模原市南区上鶴間2-7-5</t>
    <rPh sb="0" eb="4">
      <t>サガミハラシ</t>
    </rPh>
    <rPh sb="4" eb="6">
      <t>ミナミク</t>
    </rPh>
    <rPh sb="6" eb="9">
      <t>カミツルマ</t>
    </rPh>
    <phoneticPr fontId="1"/>
  </si>
  <si>
    <t>にじいろ保育園古淵</t>
    <rPh sb="4" eb="7">
      <t>ホイクエン</t>
    </rPh>
    <rPh sb="7" eb="9">
      <t>コブチ</t>
    </rPh>
    <phoneticPr fontId="1"/>
  </si>
  <si>
    <t>相模原市南区古淵2-17-9</t>
    <rPh sb="0" eb="4">
      <t>サガミハラシ</t>
    </rPh>
    <rPh sb="4" eb="6">
      <t>ミナミク</t>
    </rPh>
    <rPh sb="6" eb="8">
      <t>コブチ</t>
    </rPh>
    <phoneticPr fontId="1"/>
  </si>
  <si>
    <t>保育ルームFelice相模原園</t>
    <rPh sb="0" eb="2">
      <t>ホイク</t>
    </rPh>
    <rPh sb="11" eb="14">
      <t>サガミハラ</t>
    </rPh>
    <rPh sb="14" eb="15">
      <t>エン</t>
    </rPh>
    <phoneticPr fontId="1"/>
  </si>
  <si>
    <t>相模原市中央区相模原8-5-12</t>
    <rPh sb="0" eb="4">
      <t>サガミハラシ</t>
    </rPh>
    <rPh sb="4" eb="7">
      <t>チュウオウク</t>
    </rPh>
    <rPh sb="7" eb="10">
      <t>サガミハラ</t>
    </rPh>
    <phoneticPr fontId="1"/>
  </si>
  <si>
    <t>まあむキッズ大野北口新園</t>
    <rPh sb="6" eb="8">
      <t>オオノ</t>
    </rPh>
    <rPh sb="8" eb="10">
      <t>キタグチ</t>
    </rPh>
    <rPh sb="10" eb="11">
      <t>シン</t>
    </rPh>
    <rPh sb="11" eb="12">
      <t>エン</t>
    </rPh>
    <phoneticPr fontId="1"/>
  </si>
  <si>
    <t>ミラッツ相模原保育園</t>
    <rPh sb="4" eb="7">
      <t>サガミハラ</t>
    </rPh>
    <rPh sb="7" eb="10">
      <t>ホイクエン</t>
    </rPh>
    <phoneticPr fontId="1"/>
  </si>
  <si>
    <t>たんぽぽ保育園</t>
    <rPh sb="4" eb="7">
      <t>ホイクエン</t>
    </rPh>
    <phoneticPr fontId="1"/>
  </si>
  <si>
    <t>042-754-6767</t>
    <phoneticPr fontId="1"/>
  </si>
  <si>
    <t>042-705-4410</t>
    <phoneticPr fontId="1"/>
  </si>
  <si>
    <t>042-767-7090</t>
    <phoneticPr fontId="1"/>
  </si>
  <si>
    <t>042-707-9116</t>
    <phoneticPr fontId="1"/>
  </si>
  <si>
    <t>042-704-8336</t>
    <phoneticPr fontId="1"/>
  </si>
  <si>
    <t>042-705-6455</t>
    <phoneticPr fontId="1"/>
  </si>
  <si>
    <t>042-768-7454</t>
    <phoneticPr fontId="1"/>
  </si>
  <si>
    <t>046-298-1500</t>
    <phoneticPr fontId="1"/>
  </si>
  <si>
    <t>和順こども園</t>
    <rPh sb="0" eb="2">
      <t>ワジュン</t>
    </rPh>
    <rPh sb="5" eb="6">
      <t>エン</t>
    </rPh>
    <phoneticPr fontId="1"/>
  </si>
  <si>
    <t>横須賀市久里浜4-7-2</t>
    <rPh sb="0" eb="4">
      <t>ヨコスカシ</t>
    </rPh>
    <rPh sb="4" eb="7">
      <t>クリハマ</t>
    </rPh>
    <phoneticPr fontId="1"/>
  </si>
  <si>
    <t>046-835-6556</t>
    <phoneticPr fontId="1"/>
  </si>
  <si>
    <t>sukasuka-nursery</t>
    <phoneticPr fontId="1"/>
  </si>
  <si>
    <t>横須賀市久里浜2-19-14</t>
    <rPh sb="0" eb="4">
      <t>ヨコスカシ</t>
    </rPh>
    <rPh sb="4" eb="7">
      <t>クリハマ</t>
    </rPh>
    <phoneticPr fontId="1"/>
  </si>
  <si>
    <t>ウェルシティ一時預かり保育室</t>
    <rPh sb="6" eb="8">
      <t>イチジ</t>
    </rPh>
    <rPh sb="8" eb="9">
      <t>アズ</t>
    </rPh>
    <rPh sb="11" eb="14">
      <t>ホイクシツ</t>
    </rPh>
    <phoneticPr fontId="1"/>
  </si>
  <si>
    <t>046-822-4846</t>
    <phoneticPr fontId="1"/>
  </si>
  <si>
    <t>平塚市大神1587</t>
    <rPh sb="0" eb="3">
      <t>ヒラツカシ</t>
    </rPh>
    <rPh sb="3" eb="5">
      <t>オオカミ</t>
    </rPh>
    <phoneticPr fontId="1"/>
  </si>
  <si>
    <t>0463-55-0841</t>
    <phoneticPr fontId="1"/>
  </si>
  <si>
    <t>認定こども園大神美里幼稚園</t>
    <rPh sb="0" eb="2">
      <t>ニンテイ</t>
    </rPh>
    <rPh sb="5" eb="6">
      <t>エン</t>
    </rPh>
    <rPh sb="6" eb="8">
      <t>オオカミ</t>
    </rPh>
    <rPh sb="8" eb="10">
      <t>ミサト</t>
    </rPh>
    <rPh sb="10" eb="13">
      <t>ヨウチエン</t>
    </rPh>
    <phoneticPr fontId="1"/>
  </si>
  <si>
    <t>平塚市大神2380</t>
    <rPh sb="0" eb="3">
      <t>ヒラツカシ</t>
    </rPh>
    <rPh sb="3" eb="5">
      <t>オオカミ</t>
    </rPh>
    <phoneticPr fontId="1"/>
  </si>
  <si>
    <t>0463-54-3288</t>
    <phoneticPr fontId="1"/>
  </si>
  <si>
    <t>グリーンキッズ湘南ミナパーク</t>
    <rPh sb="7" eb="9">
      <t>ショウナン</t>
    </rPh>
    <phoneticPr fontId="1"/>
  </si>
  <si>
    <t>藤沢クローバー保育園</t>
    <rPh sb="0" eb="2">
      <t>フジサワ</t>
    </rPh>
    <rPh sb="7" eb="10">
      <t>ホイクエン</t>
    </rPh>
    <phoneticPr fontId="1"/>
  </si>
  <si>
    <t>湘南クレヨン保育園　朝日町園</t>
    <rPh sb="0" eb="2">
      <t>ショウナン</t>
    </rPh>
    <rPh sb="6" eb="9">
      <t>ホイクエン</t>
    </rPh>
    <rPh sb="10" eb="12">
      <t>アサヒ</t>
    </rPh>
    <rPh sb="12" eb="13">
      <t>チョウ</t>
    </rPh>
    <rPh sb="13" eb="14">
      <t>エン</t>
    </rPh>
    <phoneticPr fontId="1"/>
  </si>
  <si>
    <t>0466-53-7444</t>
    <phoneticPr fontId="1"/>
  </si>
  <si>
    <t>0466-52-7625</t>
    <phoneticPr fontId="1"/>
  </si>
  <si>
    <t>0466-21-8800</t>
    <phoneticPr fontId="1"/>
  </si>
  <si>
    <t>鶴嶺フェルマータ保育園</t>
    <rPh sb="0" eb="2">
      <t>ツルミネ</t>
    </rPh>
    <rPh sb="8" eb="11">
      <t>ホイクエン</t>
    </rPh>
    <phoneticPr fontId="1"/>
  </si>
  <si>
    <t>0467-84-9564</t>
    <phoneticPr fontId="1"/>
  </si>
  <si>
    <t>すえひろこども園</t>
    <rPh sb="7" eb="8">
      <t>エン</t>
    </rPh>
    <phoneticPr fontId="1"/>
  </si>
  <si>
    <t>つるまきこども園</t>
    <rPh sb="7" eb="8">
      <t>エン</t>
    </rPh>
    <phoneticPr fontId="1"/>
  </si>
  <si>
    <t>ひろはたこども園</t>
    <rPh sb="7" eb="8">
      <t>エン</t>
    </rPh>
    <phoneticPr fontId="1"/>
  </si>
  <si>
    <t>みどり保育園</t>
    <phoneticPr fontId="1"/>
  </si>
  <si>
    <t>しぶさわこども園</t>
    <rPh sb="7" eb="8">
      <t>エン</t>
    </rPh>
    <phoneticPr fontId="1"/>
  </si>
  <si>
    <t>みどりこども園</t>
    <rPh sb="6" eb="7">
      <t>エン</t>
    </rPh>
    <phoneticPr fontId="1"/>
  </si>
  <si>
    <t>秦野市末広町6-35</t>
    <phoneticPr fontId="1"/>
  </si>
  <si>
    <t>0463-82-4556</t>
    <phoneticPr fontId="1"/>
  </si>
  <si>
    <t>秦野市緑町16-2</t>
    <phoneticPr fontId="1"/>
  </si>
  <si>
    <t>0463-81-1629</t>
    <phoneticPr fontId="1"/>
  </si>
  <si>
    <t>秦野市下大槻138</t>
    <phoneticPr fontId="1"/>
  </si>
  <si>
    <t>0463-77-3434</t>
    <phoneticPr fontId="1"/>
  </si>
  <si>
    <t>秦野市鶴巻2248番地の1</t>
    <phoneticPr fontId="1"/>
  </si>
  <si>
    <t>0463-78-3424</t>
    <phoneticPr fontId="1"/>
  </si>
  <si>
    <t>秦野市渋沢上1-12-2</t>
    <phoneticPr fontId="1"/>
  </si>
  <si>
    <t>0463-87-1021</t>
    <phoneticPr fontId="1"/>
  </si>
  <si>
    <t>アミー保育園つきみ野園</t>
    <rPh sb="3" eb="6">
      <t>ホイクエン</t>
    </rPh>
    <rPh sb="9" eb="10">
      <t>ノ</t>
    </rPh>
    <rPh sb="10" eb="11">
      <t>エン</t>
    </rPh>
    <phoneticPr fontId="1"/>
  </si>
  <si>
    <t>マザーグースつきみ野保育園</t>
    <rPh sb="9" eb="10">
      <t>ノ</t>
    </rPh>
    <rPh sb="10" eb="13">
      <t>ホイクエン</t>
    </rPh>
    <phoneticPr fontId="1"/>
  </si>
  <si>
    <t>はひふへ保育園さくらがおか園</t>
    <rPh sb="4" eb="7">
      <t>ホイクエン</t>
    </rPh>
    <rPh sb="13" eb="14">
      <t>エン</t>
    </rPh>
    <phoneticPr fontId="1"/>
  </si>
  <si>
    <t>スクルドエンジェル大和代官園</t>
    <rPh sb="9" eb="11">
      <t>ヤマト</t>
    </rPh>
    <rPh sb="11" eb="13">
      <t>ダイカン</t>
    </rPh>
    <rPh sb="13" eb="14">
      <t>エン</t>
    </rPh>
    <phoneticPr fontId="1"/>
  </si>
  <si>
    <t>スクルドエンジェル高座渋谷園</t>
    <rPh sb="9" eb="13">
      <t>コウザシブヤ</t>
    </rPh>
    <rPh sb="13" eb="14">
      <t>エン</t>
    </rPh>
    <phoneticPr fontId="1"/>
  </si>
  <si>
    <t>大和市屋内こども広場保育室</t>
    <rPh sb="0" eb="3">
      <t>ヤマトシ</t>
    </rPh>
    <rPh sb="3" eb="5">
      <t>オクナイ</t>
    </rPh>
    <rPh sb="8" eb="10">
      <t>ヒロバ</t>
    </rPh>
    <rPh sb="10" eb="13">
      <t>ホイクシツ</t>
    </rPh>
    <phoneticPr fontId="1"/>
  </si>
  <si>
    <t>大和市つきみ野1-6-9</t>
    <rPh sb="0" eb="3">
      <t>ヤマトシ</t>
    </rPh>
    <rPh sb="6" eb="7">
      <t>ノ</t>
    </rPh>
    <phoneticPr fontId="1"/>
  </si>
  <si>
    <t>046-205-4330</t>
    <phoneticPr fontId="1"/>
  </si>
  <si>
    <t>046-240-1318</t>
    <phoneticPr fontId="1"/>
  </si>
  <si>
    <t>046-244-4903</t>
    <phoneticPr fontId="1"/>
  </si>
  <si>
    <t>046-204-9400</t>
    <phoneticPr fontId="1"/>
  </si>
  <si>
    <t>大和市渋谷5-38-3</t>
    <rPh sb="0" eb="3">
      <t>ヤマトシ</t>
    </rPh>
    <rPh sb="3" eb="5">
      <t>シブヤ</t>
    </rPh>
    <phoneticPr fontId="1"/>
  </si>
  <si>
    <t>046-205-7377</t>
    <phoneticPr fontId="1"/>
  </si>
  <si>
    <t>大和市大和南1-8-1</t>
    <rPh sb="0" eb="3">
      <t>ヤマトシ</t>
    </rPh>
    <rPh sb="3" eb="5">
      <t>ヤマト</t>
    </rPh>
    <rPh sb="5" eb="6">
      <t>ミナミ</t>
    </rPh>
    <phoneticPr fontId="1"/>
  </si>
  <si>
    <t>046-269-7592</t>
    <phoneticPr fontId="1"/>
  </si>
  <si>
    <t>伊勢原市高部屋愛育保育園</t>
    <rPh sb="0" eb="3">
      <t>イセハラ</t>
    </rPh>
    <rPh sb="3" eb="4">
      <t>シ</t>
    </rPh>
    <rPh sb="4" eb="5">
      <t>タカ</t>
    </rPh>
    <rPh sb="5" eb="7">
      <t>ベヤ</t>
    </rPh>
    <rPh sb="7" eb="9">
      <t>アイイク</t>
    </rPh>
    <rPh sb="9" eb="12">
      <t>ホイクエン</t>
    </rPh>
    <phoneticPr fontId="1"/>
  </si>
  <si>
    <t>伊勢原市西富岡1096</t>
    <rPh sb="0" eb="4">
      <t>イセハラシ</t>
    </rPh>
    <rPh sb="4" eb="5">
      <t>ニシ</t>
    </rPh>
    <rPh sb="5" eb="7">
      <t>トミオカ</t>
    </rPh>
    <phoneticPr fontId="1"/>
  </si>
  <si>
    <t>0463-95-1086</t>
    <phoneticPr fontId="1"/>
  </si>
  <si>
    <t>葉山町子育て支援センター</t>
    <rPh sb="0" eb="3">
      <t>ハヤママチ</t>
    </rPh>
    <rPh sb="3" eb="5">
      <t>コソダ</t>
    </rPh>
    <rPh sb="6" eb="8">
      <t>シエン</t>
    </rPh>
    <phoneticPr fontId="4"/>
  </si>
  <si>
    <t>おぐら保育園</t>
    <rPh sb="3" eb="6">
      <t>ホイクエン</t>
    </rPh>
    <phoneticPr fontId="2"/>
  </si>
  <si>
    <t>川崎市宮前区宮前平3-9-1</t>
    <rPh sb="0" eb="3">
      <t>カワサキシ</t>
    </rPh>
    <rPh sb="3" eb="6">
      <t>ミヤマエク</t>
    </rPh>
    <rPh sb="6" eb="9">
      <t>ミヤマエダイラ</t>
    </rPh>
    <phoneticPr fontId="1"/>
  </si>
  <si>
    <t>中原保育園</t>
    <rPh sb="0" eb="2">
      <t>ナカハラ</t>
    </rPh>
    <rPh sb="2" eb="5">
      <t>ホイクエン</t>
    </rPh>
    <phoneticPr fontId="1"/>
  </si>
  <si>
    <t>川崎市中原区小杉陣屋町2-3-1</t>
    <rPh sb="0" eb="3">
      <t>カワサキシ</t>
    </rPh>
    <rPh sb="3" eb="6">
      <t>ナカハラク</t>
    </rPh>
    <rPh sb="6" eb="8">
      <t>コスギ</t>
    </rPh>
    <rPh sb="8" eb="11">
      <t>ジンヤチョウ</t>
    </rPh>
    <phoneticPr fontId="1"/>
  </si>
  <si>
    <t>さくらの木保育園</t>
    <rPh sb="4" eb="5">
      <t>キ</t>
    </rPh>
    <rPh sb="5" eb="8">
      <t>ホイクエン</t>
    </rPh>
    <phoneticPr fontId="1"/>
  </si>
  <si>
    <t>川崎市中原区下小田中1-11-1</t>
    <rPh sb="0" eb="3">
      <t>カワサキシ</t>
    </rPh>
    <rPh sb="3" eb="6">
      <t>ナカハラク</t>
    </rPh>
    <rPh sb="6" eb="7">
      <t>シモ</t>
    </rPh>
    <rPh sb="7" eb="10">
      <t>オダナカ</t>
    </rPh>
    <phoneticPr fontId="1"/>
  </si>
  <si>
    <t>エクセレント西宮内保育園</t>
    <rPh sb="6" eb="7">
      <t>ニシ</t>
    </rPh>
    <rPh sb="7" eb="9">
      <t>ミヤウチ</t>
    </rPh>
    <rPh sb="9" eb="12">
      <t>ホイクエン</t>
    </rPh>
    <phoneticPr fontId="1"/>
  </si>
  <si>
    <t>川崎市中原区宮内1-24-7</t>
    <rPh sb="0" eb="3">
      <t>カワサキシ</t>
    </rPh>
    <rPh sb="3" eb="6">
      <t>ナカハラク</t>
    </rPh>
    <rPh sb="6" eb="8">
      <t>ミヤウチ</t>
    </rPh>
    <phoneticPr fontId="1"/>
  </si>
  <si>
    <t>みなみがわら保育園</t>
    <rPh sb="6" eb="9">
      <t>ホイクエン</t>
    </rPh>
    <phoneticPr fontId="1"/>
  </si>
  <si>
    <t>川崎市幸区河原町1-77</t>
    <rPh sb="0" eb="3">
      <t>カワサキシ</t>
    </rPh>
    <rPh sb="3" eb="5">
      <t>サイワイク</t>
    </rPh>
    <rPh sb="5" eb="8">
      <t>カワラマチ</t>
    </rPh>
    <phoneticPr fontId="1"/>
  </si>
  <si>
    <t>みなみかせ保育園</t>
    <rPh sb="5" eb="8">
      <t>ホイクエン</t>
    </rPh>
    <phoneticPr fontId="1"/>
  </si>
  <si>
    <t>川崎市幸区南加瀬3-12-8</t>
    <rPh sb="0" eb="3">
      <t>カワサキシ</t>
    </rPh>
    <rPh sb="3" eb="5">
      <t>サイワイク</t>
    </rPh>
    <phoneticPr fontId="1"/>
  </si>
  <si>
    <t>みやまえの杜保育園</t>
    <rPh sb="5" eb="6">
      <t>モリ</t>
    </rPh>
    <rPh sb="6" eb="9">
      <t>ホイクエン</t>
    </rPh>
    <phoneticPr fontId="1"/>
  </si>
  <si>
    <t>小町通みたけこども園</t>
    <rPh sb="9" eb="10">
      <t>エン</t>
    </rPh>
    <phoneticPr fontId="1"/>
  </si>
  <si>
    <t>ぎんが邑ママちゃんHOUSE</t>
    <rPh sb="3" eb="4">
      <t>ムラ</t>
    </rPh>
    <phoneticPr fontId="1"/>
  </si>
  <si>
    <t>0465-42-3063</t>
    <phoneticPr fontId="1"/>
  </si>
  <si>
    <t>ナーサリースクールT&amp;Y
こもれびの森</t>
    <phoneticPr fontId="1"/>
  </si>
  <si>
    <t>相模原市中央区鹿沼台2-18-6
大谷第一ビル</t>
    <rPh sb="0" eb="4">
      <t>サガミハラシ</t>
    </rPh>
    <rPh sb="4" eb="7">
      <t>チュウオウク</t>
    </rPh>
    <rPh sb="7" eb="9">
      <t>シカヌマ</t>
    </rPh>
    <rPh sb="9" eb="10">
      <t>ダイ</t>
    </rPh>
    <rPh sb="17" eb="19">
      <t>オオタニ</t>
    </rPh>
    <rPh sb="19" eb="21">
      <t>ダイイチ</t>
    </rPh>
    <phoneticPr fontId="1"/>
  </si>
  <si>
    <t>相模原市南区相模大野6-9-26　
エスパシオA１階</t>
    <rPh sb="0" eb="4">
      <t>サガミハラシ</t>
    </rPh>
    <rPh sb="4" eb="6">
      <t>ミナミク</t>
    </rPh>
    <rPh sb="6" eb="10">
      <t>サガミオオノ</t>
    </rPh>
    <rPh sb="25" eb="26">
      <t>カイ</t>
    </rPh>
    <phoneticPr fontId="1"/>
  </si>
  <si>
    <t>藤沢市善行1-3</t>
    <rPh sb="0" eb="3">
      <t>フジサワシ</t>
    </rPh>
    <rPh sb="3" eb="5">
      <t>ゼンギョウ</t>
    </rPh>
    <phoneticPr fontId="3"/>
  </si>
  <si>
    <t>藤沢市藤沢607-1
藤沢商工会館1階</t>
    <rPh sb="0" eb="3">
      <t>フジサワシ</t>
    </rPh>
    <rPh sb="3" eb="5">
      <t>フジサワ</t>
    </rPh>
    <rPh sb="11" eb="13">
      <t>フジサワ</t>
    </rPh>
    <rPh sb="13" eb="15">
      <t>ショウコウ</t>
    </rPh>
    <rPh sb="15" eb="17">
      <t>カイカン</t>
    </rPh>
    <rPh sb="18" eb="19">
      <t>カイ</t>
    </rPh>
    <phoneticPr fontId="1"/>
  </si>
  <si>
    <t>藤沢市鵠沼石上1-7-8</t>
    <rPh sb="5" eb="7">
      <t>イシカミ</t>
    </rPh>
    <phoneticPr fontId="1"/>
  </si>
  <si>
    <t>藤沢市朝日町19-8</t>
    <rPh sb="0" eb="3">
      <t>フジサワシ</t>
    </rPh>
    <rPh sb="3" eb="6">
      <t>アサヒチョウ</t>
    </rPh>
    <phoneticPr fontId="1"/>
  </si>
  <si>
    <t>藤沢市本町4-12-1
CASSIA藤沢本町2階</t>
    <rPh sb="0" eb="3">
      <t>フジサワシ</t>
    </rPh>
    <rPh sb="3" eb="5">
      <t>ホンチョウ</t>
    </rPh>
    <rPh sb="18" eb="20">
      <t>フジサワ</t>
    </rPh>
    <rPh sb="20" eb="22">
      <t>ホンマチ</t>
    </rPh>
    <rPh sb="23" eb="24">
      <t>カイ</t>
    </rPh>
    <phoneticPr fontId="3"/>
  </si>
  <si>
    <t>小田原市曽我光海8番地の3</t>
    <rPh sb="0" eb="4">
      <t>オダワラシ</t>
    </rPh>
    <rPh sb="4" eb="6">
      <t>ソガ</t>
    </rPh>
    <rPh sb="6" eb="7">
      <t>ヒカリ</t>
    </rPh>
    <rPh sb="7" eb="8">
      <t>ウミ</t>
    </rPh>
    <rPh sb="9" eb="11">
      <t>バンチ</t>
    </rPh>
    <phoneticPr fontId="1"/>
  </si>
  <si>
    <t>茅ヶ崎市若松町19番19号　
ライフピアモア茅ヶ崎1C</t>
    <phoneticPr fontId="1"/>
  </si>
  <si>
    <t>茅ヶ崎市赤松町1番37号　
ニューホライズン1階</t>
    <phoneticPr fontId="1"/>
  </si>
  <si>
    <t>茅ヶ崎市浜之郷436番地1</t>
    <rPh sb="0" eb="4">
      <t>チガサキシ</t>
    </rPh>
    <rPh sb="4" eb="7">
      <t>ハマノゴウ</t>
    </rPh>
    <rPh sb="10" eb="12">
      <t>バンチ</t>
    </rPh>
    <phoneticPr fontId="1"/>
  </si>
  <si>
    <t>厚木市東町7-2-2 2階</t>
    <rPh sb="3" eb="5">
      <t>ヒガシチョウ</t>
    </rPh>
    <rPh sb="12" eb="13">
      <t>カイ</t>
    </rPh>
    <phoneticPr fontId="1"/>
  </si>
  <si>
    <t>厚木市旭町1-7-3 HAYASHIビル2階</t>
    <phoneticPr fontId="1"/>
  </si>
  <si>
    <t>相模原市中央区中央4-5-3　
リバティヒルズ長谷川1F・2F</t>
    <rPh sb="0" eb="4">
      <t>サガミハラシ</t>
    </rPh>
    <rPh sb="4" eb="7">
      <t>チュウオウク</t>
    </rPh>
    <rPh sb="7" eb="9">
      <t>チュウオウ</t>
    </rPh>
    <rPh sb="23" eb="26">
      <t>ハセガワ</t>
    </rPh>
    <phoneticPr fontId="1"/>
  </si>
  <si>
    <t>相模原市南区相武台1-25-1　1階</t>
    <rPh sb="0" eb="4">
      <t>サガミハラシ</t>
    </rPh>
    <rPh sb="4" eb="6">
      <t>ミナミク</t>
    </rPh>
    <rPh sb="6" eb="8">
      <t>ソウブ</t>
    </rPh>
    <rPh sb="8" eb="9">
      <t>ダイ</t>
    </rPh>
    <rPh sb="17" eb="18">
      <t>カイ</t>
    </rPh>
    <phoneticPr fontId="1"/>
  </si>
  <si>
    <t>横須賀市西逸見町1-38-11
ウェルシティ市民プラザ4階</t>
    <rPh sb="0" eb="4">
      <t>ヨコスカシ</t>
    </rPh>
    <rPh sb="4" eb="5">
      <t>ニシ</t>
    </rPh>
    <rPh sb="5" eb="7">
      <t>イツミ</t>
    </rPh>
    <rPh sb="7" eb="8">
      <t>チョウ</t>
    </rPh>
    <rPh sb="22" eb="24">
      <t>シミン</t>
    </rPh>
    <rPh sb="28" eb="29">
      <t>カイ</t>
    </rPh>
    <phoneticPr fontId="1"/>
  </si>
  <si>
    <t>西鶴間保育園</t>
    <rPh sb="0" eb="3">
      <t>ニシツルマ</t>
    </rPh>
    <rPh sb="3" eb="6">
      <t>ホイクエン</t>
    </rPh>
    <phoneticPr fontId="1"/>
  </si>
  <si>
    <t>さなぎっこ保育園</t>
    <rPh sb="5" eb="8">
      <t>ホイクエン</t>
    </rPh>
    <phoneticPr fontId="1"/>
  </si>
  <si>
    <t>大和市大和東3-7-2</t>
    <rPh sb="0" eb="3">
      <t>ヤマトシ</t>
    </rPh>
    <rPh sb="3" eb="5">
      <t>ヤマト</t>
    </rPh>
    <rPh sb="5" eb="6">
      <t>ヒガシ</t>
    </rPh>
    <phoneticPr fontId="1"/>
  </si>
  <si>
    <t>046-263-3830</t>
    <phoneticPr fontId="1"/>
  </si>
  <si>
    <t>パレット保育園・大和</t>
    <rPh sb="4" eb="7">
      <t>ホイクエン</t>
    </rPh>
    <rPh sb="8" eb="10">
      <t>ヤマト</t>
    </rPh>
    <phoneticPr fontId="1"/>
  </si>
  <si>
    <t>大和市大和東1-7-22 ますみビル</t>
    <rPh sb="0" eb="3">
      <t>ヤマトシ</t>
    </rPh>
    <rPh sb="3" eb="5">
      <t>ヤマト</t>
    </rPh>
    <rPh sb="5" eb="6">
      <t>ヒガシ</t>
    </rPh>
    <phoneticPr fontId="1"/>
  </si>
  <si>
    <t>046-262-7870</t>
    <phoneticPr fontId="1"/>
  </si>
  <si>
    <t>とこちゃん保育園</t>
    <rPh sb="5" eb="8">
      <t>ホイクエン</t>
    </rPh>
    <phoneticPr fontId="1"/>
  </si>
  <si>
    <t>大和市大和南1-16-25</t>
    <rPh sb="0" eb="3">
      <t>ヤマトシ</t>
    </rPh>
    <rPh sb="3" eb="5">
      <t>ヤマト</t>
    </rPh>
    <rPh sb="5" eb="6">
      <t>ミナミ</t>
    </rPh>
    <phoneticPr fontId="1"/>
  </si>
  <si>
    <t>046-244-3638</t>
    <phoneticPr fontId="1"/>
  </si>
  <si>
    <t>アスク大和南保育園</t>
    <rPh sb="3" eb="5">
      <t>ヤマト</t>
    </rPh>
    <rPh sb="5" eb="6">
      <t>ミナミ</t>
    </rPh>
    <rPh sb="6" eb="9">
      <t>ホイクエン</t>
    </rPh>
    <phoneticPr fontId="1"/>
  </si>
  <si>
    <t>大和市大和南2-2-9</t>
    <rPh sb="0" eb="3">
      <t>ヤマトシ</t>
    </rPh>
    <rPh sb="3" eb="5">
      <t>ヤマト</t>
    </rPh>
    <rPh sb="5" eb="6">
      <t>ミナミ</t>
    </rPh>
    <phoneticPr fontId="1"/>
  </si>
  <si>
    <t>046-200-3052</t>
    <phoneticPr fontId="1"/>
  </si>
  <si>
    <t>アスク大和保育園</t>
    <rPh sb="3" eb="5">
      <t>ヤマト</t>
    </rPh>
    <rPh sb="5" eb="8">
      <t>ホイクエン</t>
    </rPh>
    <phoneticPr fontId="1"/>
  </si>
  <si>
    <t>大和市中央1-4-19-2F</t>
    <rPh sb="0" eb="3">
      <t>ヤマトシ</t>
    </rPh>
    <rPh sb="3" eb="5">
      <t>チュウオウ</t>
    </rPh>
    <phoneticPr fontId="1"/>
  </si>
  <si>
    <t>046-200-2183</t>
    <phoneticPr fontId="1"/>
  </si>
  <si>
    <t>大和深見台雲母保育園</t>
    <rPh sb="0" eb="2">
      <t>ヤマト</t>
    </rPh>
    <rPh sb="2" eb="5">
      <t>フカミダイ</t>
    </rPh>
    <rPh sb="5" eb="7">
      <t>キララ</t>
    </rPh>
    <rPh sb="7" eb="10">
      <t>ホイクエン</t>
    </rPh>
    <phoneticPr fontId="1"/>
  </si>
  <si>
    <t>大和市深見台1-7-2</t>
    <rPh sb="0" eb="3">
      <t>ヤマトシ</t>
    </rPh>
    <rPh sb="3" eb="5">
      <t>フカミ</t>
    </rPh>
    <rPh sb="5" eb="6">
      <t>ダイ</t>
    </rPh>
    <phoneticPr fontId="1"/>
  </si>
  <si>
    <t>046-200-5935</t>
    <phoneticPr fontId="1"/>
  </si>
  <si>
    <t>キンダーガーデンやまと</t>
    <phoneticPr fontId="1"/>
  </si>
  <si>
    <t>大和市中央6-1-5</t>
    <rPh sb="0" eb="3">
      <t>ヤマトシ</t>
    </rPh>
    <rPh sb="3" eb="5">
      <t>チュウオウ</t>
    </rPh>
    <phoneticPr fontId="1"/>
  </si>
  <si>
    <t>046-200-5810</t>
    <phoneticPr fontId="1"/>
  </si>
  <si>
    <t>もみの木保育園</t>
    <rPh sb="3" eb="4">
      <t>キ</t>
    </rPh>
    <rPh sb="4" eb="7">
      <t>ホイクエン</t>
    </rPh>
    <phoneticPr fontId="1"/>
  </si>
  <si>
    <t>大和市福田5-17-1</t>
    <rPh sb="0" eb="2">
      <t>ヤマト</t>
    </rPh>
    <rPh sb="2" eb="3">
      <t>シ</t>
    </rPh>
    <rPh sb="3" eb="5">
      <t>フクダ</t>
    </rPh>
    <phoneticPr fontId="1"/>
  </si>
  <si>
    <t>046-268-8808</t>
    <phoneticPr fontId="1"/>
  </si>
  <si>
    <t>上和田保育園</t>
    <rPh sb="0" eb="6">
      <t>カミワダホイクエン</t>
    </rPh>
    <phoneticPr fontId="1"/>
  </si>
  <si>
    <t>大和市上和田3221</t>
    <rPh sb="0" eb="3">
      <t>ヤマトシ</t>
    </rPh>
    <rPh sb="3" eb="6">
      <t>カミワダ</t>
    </rPh>
    <phoneticPr fontId="1"/>
  </si>
  <si>
    <t>046-267-2187</t>
    <phoneticPr fontId="1"/>
  </si>
  <si>
    <t>渋谷保育園</t>
    <rPh sb="0" eb="2">
      <t>シブヤ</t>
    </rPh>
    <rPh sb="2" eb="5">
      <t>ホイクエン</t>
    </rPh>
    <phoneticPr fontId="1"/>
  </si>
  <si>
    <t>大和市福田6002</t>
    <rPh sb="0" eb="3">
      <t>ヤマトシ</t>
    </rPh>
    <rPh sb="3" eb="5">
      <t>フクダ</t>
    </rPh>
    <phoneticPr fontId="1"/>
  </si>
  <si>
    <t>046-267-1243</t>
    <phoneticPr fontId="1"/>
  </si>
  <si>
    <t>高座渋谷もりのこ保育園</t>
    <rPh sb="0" eb="4">
      <t>コウザシブヤ</t>
    </rPh>
    <rPh sb="8" eb="11">
      <t>ホイクエン</t>
    </rPh>
    <phoneticPr fontId="1"/>
  </si>
  <si>
    <t>大和市渋谷4-6-7</t>
    <rPh sb="0" eb="3">
      <t>ヤマトシ</t>
    </rPh>
    <rPh sb="3" eb="5">
      <t>シブヤ</t>
    </rPh>
    <phoneticPr fontId="1"/>
  </si>
  <si>
    <t>046-267-7775</t>
    <phoneticPr fontId="1"/>
  </si>
  <si>
    <t>高座渋谷ゆめいろ保育園
高座渋谷ゆめいろ保育園桜ヶ丘園</t>
    <rPh sb="0" eb="4">
      <t>コウザシブヤ</t>
    </rPh>
    <rPh sb="8" eb="11">
      <t>ホイクエン</t>
    </rPh>
    <rPh sb="12" eb="14">
      <t>コウザ</t>
    </rPh>
    <rPh sb="14" eb="16">
      <t>シブヤ</t>
    </rPh>
    <rPh sb="20" eb="23">
      <t>ホイクエン</t>
    </rPh>
    <rPh sb="23" eb="26">
      <t>サクラガオカ</t>
    </rPh>
    <rPh sb="26" eb="27">
      <t>エン</t>
    </rPh>
    <phoneticPr fontId="1"/>
  </si>
  <si>
    <t>大和市渋谷6-12-2 
ラ・プリマステラ2F
大和市福田5507－2 
ドルチェ桜ヶ丘B棟1F</t>
    <rPh sb="0" eb="3">
      <t>ヤマトシ</t>
    </rPh>
    <rPh sb="3" eb="5">
      <t>シブヤ</t>
    </rPh>
    <rPh sb="24" eb="27">
      <t>ヤマトシ</t>
    </rPh>
    <rPh sb="27" eb="29">
      <t>フクダ</t>
    </rPh>
    <rPh sb="41" eb="44">
      <t>サクラガオカ</t>
    </rPh>
    <rPh sb="45" eb="46">
      <t>トウ</t>
    </rPh>
    <phoneticPr fontId="1"/>
  </si>
  <si>
    <t>046-259-6415</t>
    <phoneticPr fontId="1"/>
  </si>
  <si>
    <t>下和田保育園</t>
    <rPh sb="0" eb="3">
      <t>シモワダ</t>
    </rPh>
    <rPh sb="3" eb="6">
      <t>ホイクエン</t>
    </rPh>
    <phoneticPr fontId="1"/>
  </si>
  <si>
    <t>大和市下和田262</t>
    <rPh sb="0" eb="3">
      <t>ヤマトシ</t>
    </rPh>
    <rPh sb="3" eb="6">
      <t>シモワダ</t>
    </rPh>
    <phoneticPr fontId="1"/>
  </si>
  <si>
    <t>046-267-7510</t>
    <phoneticPr fontId="1"/>
  </si>
  <si>
    <t>大和オハナ保育園</t>
    <rPh sb="0" eb="2">
      <t>ヤマト</t>
    </rPh>
    <rPh sb="5" eb="8">
      <t>ホイクエン</t>
    </rPh>
    <phoneticPr fontId="1"/>
  </si>
  <si>
    <t>大和市大和東1-6-7 木曽ビル2階</t>
    <rPh sb="0" eb="3">
      <t>ヤマトシ</t>
    </rPh>
    <rPh sb="3" eb="5">
      <t>ヤマト</t>
    </rPh>
    <rPh sb="5" eb="6">
      <t>ヒガシ</t>
    </rPh>
    <rPh sb="12" eb="14">
      <t>キソ</t>
    </rPh>
    <rPh sb="17" eb="18">
      <t>カイ</t>
    </rPh>
    <phoneticPr fontId="1"/>
  </si>
  <si>
    <t>046-262-3455</t>
    <phoneticPr fontId="1"/>
  </si>
  <si>
    <t>大和つきみ野駅前雲母保育園</t>
    <rPh sb="0" eb="2">
      <t>ヤマト</t>
    </rPh>
    <rPh sb="6" eb="7">
      <t>エキ</t>
    </rPh>
    <rPh sb="7" eb="8">
      <t>マエ</t>
    </rPh>
    <rPh sb="8" eb="10">
      <t>キララ</t>
    </rPh>
    <rPh sb="10" eb="13">
      <t>ホイクエン</t>
    </rPh>
    <phoneticPr fontId="1"/>
  </si>
  <si>
    <t>大和市つきみ野5-8-6</t>
    <rPh sb="0" eb="3">
      <t>ヤマトシ</t>
    </rPh>
    <rPh sb="6" eb="7">
      <t>ノ</t>
    </rPh>
    <phoneticPr fontId="1"/>
  </si>
  <si>
    <t>046-278-2860</t>
    <phoneticPr fontId="1"/>
  </si>
  <si>
    <t>大和中央林間雲母保育園</t>
    <rPh sb="0" eb="2">
      <t>ヤマト</t>
    </rPh>
    <rPh sb="2" eb="6">
      <t>チュウオウリンカン</t>
    </rPh>
    <rPh sb="6" eb="8">
      <t>キララ</t>
    </rPh>
    <rPh sb="8" eb="11">
      <t>ホイクエン</t>
    </rPh>
    <phoneticPr fontId="1"/>
  </si>
  <si>
    <t>大和市中央林間5-1-20</t>
    <rPh sb="0" eb="3">
      <t>ヤマトシ</t>
    </rPh>
    <rPh sb="3" eb="7">
      <t>チュウオウリンカン</t>
    </rPh>
    <phoneticPr fontId="1"/>
  </si>
  <si>
    <t>046-271-7133</t>
    <phoneticPr fontId="1"/>
  </si>
  <si>
    <t>大和高座渋谷雲母保育園</t>
    <rPh sb="0" eb="2">
      <t>ヤマト</t>
    </rPh>
    <rPh sb="2" eb="6">
      <t>コウザシブヤ</t>
    </rPh>
    <rPh sb="6" eb="8">
      <t>キララ</t>
    </rPh>
    <rPh sb="8" eb="11">
      <t>ホイクエン</t>
    </rPh>
    <phoneticPr fontId="1"/>
  </si>
  <si>
    <t>大和市下和田1248-2</t>
    <rPh sb="0" eb="3">
      <t>ヤマトシ</t>
    </rPh>
    <rPh sb="3" eb="6">
      <t>シモワダ</t>
    </rPh>
    <phoneticPr fontId="1"/>
  </si>
  <si>
    <t>046-279-5220</t>
    <phoneticPr fontId="1"/>
  </si>
  <si>
    <t>あーす保育園南林間</t>
    <rPh sb="3" eb="6">
      <t>ホイクエン</t>
    </rPh>
    <rPh sb="6" eb="9">
      <t>ミナミリンカン</t>
    </rPh>
    <phoneticPr fontId="1"/>
  </si>
  <si>
    <t>大和市下鶴間1783-300</t>
    <rPh sb="0" eb="3">
      <t>ヤマトシ</t>
    </rPh>
    <rPh sb="3" eb="6">
      <t>シモツルマ</t>
    </rPh>
    <phoneticPr fontId="1"/>
  </si>
  <si>
    <t>046-240-0833</t>
    <phoneticPr fontId="1"/>
  </si>
  <si>
    <t>公私連携型保育所ななつぼし</t>
    <rPh sb="0" eb="4">
      <t>コウシレンケイ</t>
    </rPh>
    <rPh sb="4" eb="5">
      <t>ガタ</t>
    </rPh>
    <rPh sb="5" eb="7">
      <t>ホイク</t>
    </rPh>
    <rPh sb="7" eb="8">
      <t>ジョ</t>
    </rPh>
    <phoneticPr fontId="1"/>
  </si>
  <si>
    <t>大和市中央1-5-14</t>
    <rPh sb="0" eb="3">
      <t>ヤマトシ</t>
    </rPh>
    <rPh sb="3" eb="5">
      <t>チュウオウ</t>
    </rPh>
    <phoneticPr fontId="1"/>
  </si>
  <si>
    <t>046-260-1055</t>
    <phoneticPr fontId="1"/>
  </si>
  <si>
    <t>とこちゃん　おむすび保育園</t>
    <rPh sb="10" eb="13">
      <t>ホイクエン</t>
    </rPh>
    <phoneticPr fontId="1"/>
  </si>
  <si>
    <t>大和市中央林間8-25-8　
LAPLA中央林間206</t>
    <rPh sb="0" eb="3">
      <t>ヤマトシ</t>
    </rPh>
    <rPh sb="3" eb="7">
      <t>チュウオウリンカン</t>
    </rPh>
    <rPh sb="20" eb="24">
      <t>チュウオウリンカン</t>
    </rPh>
    <phoneticPr fontId="1"/>
  </si>
  <si>
    <t>046-240-0873</t>
    <phoneticPr fontId="1"/>
  </si>
  <si>
    <t>大和湘南保育園</t>
    <rPh sb="0" eb="2">
      <t>ヤマト</t>
    </rPh>
    <rPh sb="2" eb="4">
      <t>ショウナン</t>
    </rPh>
    <rPh sb="4" eb="7">
      <t>ホイクエン</t>
    </rPh>
    <phoneticPr fontId="1"/>
  </si>
  <si>
    <t>大和市中央林間3-23-12
ﾊﾟｰｸｱﾍﾞﾆｭｰ1F</t>
    <rPh sb="0" eb="3">
      <t>ヤマトシ</t>
    </rPh>
    <rPh sb="3" eb="7">
      <t>チュウオウリンカン</t>
    </rPh>
    <phoneticPr fontId="1"/>
  </si>
  <si>
    <t>046-259-7741</t>
    <phoneticPr fontId="1"/>
  </si>
  <si>
    <t>大和市中央林間3-18-4</t>
    <rPh sb="0" eb="3">
      <t>ヤマトシ</t>
    </rPh>
    <rPh sb="3" eb="7">
      <t>チュウオウリンカン</t>
    </rPh>
    <phoneticPr fontId="1"/>
  </si>
  <si>
    <t>046-272-2821</t>
    <phoneticPr fontId="1"/>
  </si>
  <si>
    <t>まあむﾍﾞｲﾋﾞｨｽﾞ中央林間</t>
    <rPh sb="11" eb="15">
      <t>チュウオウリンカン</t>
    </rPh>
    <phoneticPr fontId="1"/>
  </si>
  <si>
    <t>大和市中央林間4-29-35
ｻﾗｻﾝ中央林間1F</t>
    <rPh sb="0" eb="3">
      <t>ヤマトシ</t>
    </rPh>
    <rPh sb="3" eb="7">
      <t>チュウオウリンカン</t>
    </rPh>
    <rPh sb="19" eb="23">
      <t>チュウオウリンカン</t>
    </rPh>
    <phoneticPr fontId="1"/>
  </si>
  <si>
    <t>046-244-5560</t>
    <phoneticPr fontId="1"/>
  </si>
  <si>
    <t>保育ルームFelice大和園</t>
    <rPh sb="0" eb="2">
      <t>ホイク</t>
    </rPh>
    <rPh sb="11" eb="13">
      <t>ヤマト</t>
    </rPh>
    <rPh sb="13" eb="14">
      <t>エン</t>
    </rPh>
    <phoneticPr fontId="1"/>
  </si>
  <si>
    <t>大和市西鶴間1-8-2　ﾄﾞﾙﾁｪK1階</t>
    <rPh sb="0" eb="3">
      <t>ヤマトシ</t>
    </rPh>
    <rPh sb="3" eb="6">
      <t>ニシツルマ</t>
    </rPh>
    <rPh sb="19" eb="20">
      <t>カイ</t>
    </rPh>
    <phoneticPr fontId="1"/>
  </si>
  <si>
    <t>046-272-0829</t>
    <phoneticPr fontId="1"/>
  </si>
  <si>
    <t>あおば保育園</t>
    <rPh sb="3" eb="6">
      <t>ホイクエン</t>
    </rPh>
    <phoneticPr fontId="1"/>
  </si>
  <si>
    <t>大和市鶴間2-3-22 
ｳﾞｪﾙﾄﾞﾐｰﾙ南林間1F</t>
    <rPh sb="0" eb="3">
      <t>ヤマトシ</t>
    </rPh>
    <rPh sb="3" eb="5">
      <t>ツルマ</t>
    </rPh>
    <rPh sb="22" eb="25">
      <t>ミナミリンカン</t>
    </rPh>
    <phoneticPr fontId="1"/>
  </si>
  <si>
    <t>046-272-5773</t>
    <phoneticPr fontId="1"/>
  </si>
  <si>
    <t>さくらのつぼみ保育園</t>
    <rPh sb="7" eb="10">
      <t>ホイクエン</t>
    </rPh>
    <phoneticPr fontId="1"/>
  </si>
  <si>
    <t>046-283-5304</t>
    <phoneticPr fontId="1"/>
  </si>
  <si>
    <t>よつばベビーななせ</t>
    <phoneticPr fontId="1"/>
  </si>
  <si>
    <t>大和市大和東3-15-5</t>
    <rPh sb="0" eb="3">
      <t>ヤマトシ</t>
    </rPh>
    <rPh sb="3" eb="5">
      <t>ヤマト</t>
    </rPh>
    <rPh sb="5" eb="6">
      <t>ヒガシ</t>
    </rPh>
    <phoneticPr fontId="1"/>
  </si>
  <si>
    <t>046-404-9033</t>
    <phoneticPr fontId="1"/>
  </si>
  <si>
    <t>大和YMCA保育園</t>
    <rPh sb="0" eb="2">
      <t>ヤマト</t>
    </rPh>
    <rPh sb="6" eb="9">
      <t>ホイクエン</t>
    </rPh>
    <phoneticPr fontId="1"/>
  </si>
  <si>
    <t>大和市大和東3-3-16</t>
    <rPh sb="0" eb="3">
      <t>ヤマトシ</t>
    </rPh>
    <rPh sb="3" eb="5">
      <t>ヤマト</t>
    </rPh>
    <rPh sb="5" eb="6">
      <t>ヒガシ</t>
    </rPh>
    <phoneticPr fontId="1"/>
  </si>
  <si>
    <t>046-206-4323</t>
    <phoneticPr fontId="1"/>
  </si>
  <si>
    <t>ぽとふ大和</t>
    <rPh sb="3" eb="5">
      <t>ヤマト</t>
    </rPh>
    <phoneticPr fontId="1"/>
  </si>
  <si>
    <t>大和市中央2-6-17</t>
    <rPh sb="0" eb="3">
      <t>ヤマトシ</t>
    </rPh>
    <rPh sb="3" eb="5">
      <t>チュウオウ</t>
    </rPh>
    <phoneticPr fontId="1"/>
  </si>
  <si>
    <t>046-200-6222</t>
    <phoneticPr fontId="1"/>
  </si>
  <si>
    <t>046-890-0380</t>
    <phoneticPr fontId="1"/>
  </si>
  <si>
    <t>小田原市北ノ窪515-3</t>
    <rPh sb="0" eb="4">
      <t>オダワラシ</t>
    </rPh>
    <rPh sb="4" eb="5">
      <t>キタ</t>
    </rPh>
    <rPh sb="6" eb="7">
      <t>クボ</t>
    </rPh>
    <phoneticPr fontId="1"/>
  </si>
  <si>
    <t>0465-34-0666</t>
    <phoneticPr fontId="1"/>
  </si>
  <si>
    <t>横田小児科医院　
一時預かり保育室「pole pole」</t>
    <rPh sb="0" eb="2">
      <t>ヨコタ</t>
    </rPh>
    <rPh sb="2" eb="4">
      <t>ショウニ</t>
    </rPh>
    <rPh sb="4" eb="5">
      <t>カ</t>
    </rPh>
    <rPh sb="5" eb="6">
      <t>イ</t>
    </rPh>
    <rPh sb="6" eb="7">
      <t>イン</t>
    </rPh>
    <rPh sb="9" eb="11">
      <t>イチジ</t>
    </rPh>
    <rPh sb="11" eb="12">
      <t>アズ</t>
    </rPh>
    <rPh sb="14" eb="16">
      <t>ホイク</t>
    </rPh>
    <rPh sb="16" eb="17">
      <t>シツ</t>
    </rPh>
    <phoneticPr fontId="1"/>
  </si>
  <si>
    <t>藤沢市</t>
    <phoneticPr fontId="1"/>
  </si>
  <si>
    <t>藤沢よつば保育園プラス</t>
    <rPh sb="0" eb="2">
      <t>フジサワ</t>
    </rPh>
    <rPh sb="5" eb="8">
      <t>ホイクエン</t>
    </rPh>
    <phoneticPr fontId="3"/>
  </si>
  <si>
    <t>藤沢市鵠沼石上2-6-9</t>
    <rPh sb="0" eb="3">
      <t>フジサワシ</t>
    </rPh>
    <rPh sb="3" eb="7">
      <t>クゲヌマイシガミ</t>
    </rPh>
    <phoneticPr fontId="3"/>
  </si>
  <si>
    <t>0466-20-7700</t>
    <phoneticPr fontId="1"/>
  </si>
  <si>
    <t>藤沢湘南台雲母保育園</t>
    <rPh sb="0" eb="2">
      <t>フジサワ</t>
    </rPh>
    <rPh sb="2" eb="5">
      <t>ショウナンダイ</t>
    </rPh>
    <rPh sb="5" eb="6">
      <t>クモ</t>
    </rPh>
    <rPh sb="6" eb="7">
      <t>ハハ</t>
    </rPh>
    <rPh sb="7" eb="10">
      <t>ホイクエン</t>
    </rPh>
    <phoneticPr fontId="3"/>
  </si>
  <si>
    <t>藤沢市湘南台7-47-13</t>
    <rPh sb="0" eb="3">
      <t>フジサワシ</t>
    </rPh>
    <rPh sb="3" eb="6">
      <t>ショウナンダイ</t>
    </rPh>
    <phoneticPr fontId="3"/>
  </si>
  <si>
    <t>0466-41-2511</t>
    <phoneticPr fontId="1"/>
  </si>
  <si>
    <t>藤沢市</t>
    <phoneticPr fontId="1"/>
  </si>
  <si>
    <t>トレジャーキッズしょうなんだい保育園</t>
  </si>
  <si>
    <t>藤沢市湘南台4-18-17</t>
    <rPh sb="0" eb="3">
      <t>フジサワシ</t>
    </rPh>
    <phoneticPr fontId="1"/>
  </si>
  <si>
    <t>0466-47-9610</t>
    <phoneticPr fontId="1"/>
  </si>
  <si>
    <t>白旗保育園</t>
    <rPh sb="0" eb="2">
      <t>シラハタ</t>
    </rPh>
    <rPh sb="2" eb="5">
      <t>ホイクエン</t>
    </rPh>
    <phoneticPr fontId="3"/>
  </si>
  <si>
    <t>藤沢市鵠沼海岸6-6-10</t>
    <rPh sb="0" eb="3">
      <t>フジサワシ</t>
    </rPh>
    <phoneticPr fontId="1"/>
  </si>
  <si>
    <t>0466-26-3440</t>
    <phoneticPr fontId="1"/>
  </si>
  <si>
    <t>とまとさんの保育室</t>
    <rPh sb="6" eb="9">
      <t>ホイクシツ</t>
    </rPh>
    <phoneticPr fontId="1"/>
  </si>
  <si>
    <t>茅ヶ崎市今宿623-21</t>
    <rPh sb="0" eb="4">
      <t>チガサキシ</t>
    </rPh>
    <rPh sb="4" eb="6">
      <t>イマジュク</t>
    </rPh>
    <phoneticPr fontId="1"/>
  </si>
  <si>
    <t>090-8111-6009</t>
    <phoneticPr fontId="1"/>
  </si>
  <si>
    <t>鎌倉市腰越5-11-17</t>
    <rPh sb="0" eb="3">
      <t>カマクラシ</t>
    </rPh>
    <rPh sb="3" eb="5">
      <t>コシゴエ</t>
    </rPh>
    <phoneticPr fontId="1"/>
  </si>
  <si>
    <t>鎌倉市岡本2-21-19</t>
    <rPh sb="0" eb="3">
      <t>カマクラシ</t>
    </rPh>
    <rPh sb="3" eb="5">
      <t>オカモト</t>
    </rPh>
    <phoneticPr fontId="1"/>
  </si>
  <si>
    <t>厚木市旭町1-9-7
旭町三紫ビル１階</t>
    <phoneticPr fontId="1"/>
  </si>
  <si>
    <t>大和市林間2-1-1　
南林間ﾘﾊﾞｹﾞｲﾝ2F</t>
    <rPh sb="0" eb="3">
      <t>ヤマトシ</t>
    </rPh>
    <rPh sb="3" eb="5">
      <t>リンカン</t>
    </rPh>
    <rPh sb="12" eb="15">
      <t>ミナミリンカン</t>
    </rPh>
    <phoneticPr fontId="1"/>
  </si>
  <si>
    <t>大和市南林間1-8-3
南林間合同ﾋﾞﾙ2F
大和市下鶴間2792-18</t>
    <rPh sb="0" eb="3">
      <t>ヤマトシ</t>
    </rPh>
    <rPh sb="3" eb="6">
      <t>ミナミリンカン</t>
    </rPh>
    <rPh sb="12" eb="15">
      <t>ミナミリンカン</t>
    </rPh>
    <rPh sb="15" eb="17">
      <t>ゴウドウ</t>
    </rPh>
    <rPh sb="23" eb="26">
      <t>ヤマトシ</t>
    </rPh>
    <rPh sb="26" eb="29">
      <t>シモツルマ</t>
    </rPh>
    <phoneticPr fontId="1"/>
  </si>
  <si>
    <t>大和市西鶴間1-14-9ﾊｰﾓﾆｰｺｰﾄ西鶴間　大和市西鶴間1-4-3　Lポート</t>
    <rPh sb="0" eb="3">
      <t>ヤマトシ</t>
    </rPh>
    <rPh sb="3" eb="6">
      <t>ニシツルマ</t>
    </rPh>
    <rPh sb="20" eb="23">
      <t>ニシツルマ</t>
    </rPh>
    <rPh sb="24" eb="27">
      <t>ヤマトシ</t>
    </rPh>
    <rPh sb="27" eb="30">
      <t>ニシツルマ</t>
    </rPh>
    <phoneticPr fontId="1"/>
  </si>
  <si>
    <t>大和市上草柳176-4　
ｳﾞｪﾙﾄﾞﾐｰﾙ103号</t>
    <rPh sb="0" eb="3">
      <t>ヤマトシ</t>
    </rPh>
    <rPh sb="3" eb="6">
      <t>カミソウヤギ</t>
    </rPh>
    <rPh sb="25" eb="26">
      <t>ゴウ</t>
    </rPh>
    <phoneticPr fontId="1"/>
  </si>
  <si>
    <t>大和市上和田1800-3第二ｾｿﾞﾝ
松本1F</t>
    <rPh sb="0" eb="2">
      <t>ヤマト</t>
    </rPh>
    <rPh sb="2" eb="3">
      <t>シ</t>
    </rPh>
    <rPh sb="3" eb="6">
      <t>カミワダ</t>
    </rPh>
    <rPh sb="12" eb="13">
      <t>ダイ</t>
    </rPh>
    <rPh sb="13" eb="14">
      <t>ニ</t>
    </rPh>
    <rPh sb="19" eb="21">
      <t>マツモト</t>
    </rPh>
    <phoneticPr fontId="1"/>
  </si>
  <si>
    <t>大和市福田2-4-1
サンモール桜ケ丘1F</t>
    <rPh sb="0" eb="3">
      <t>ヤマトシ</t>
    </rPh>
    <rPh sb="3" eb="5">
      <t>フクダ</t>
    </rPh>
    <rPh sb="16" eb="19">
      <t>サクラガオカ</t>
    </rPh>
    <phoneticPr fontId="1"/>
  </si>
  <si>
    <t>大和市代官2-16-12
レインボービル2F</t>
    <rPh sb="0" eb="3">
      <t>ヤマトシ</t>
    </rPh>
    <rPh sb="3" eb="5">
      <t>ダイカン</t>
    </rPh>
    <phoneticPr fontId="1"/>
  </si>
  <si>
    <t>社会福祉法人長幼会玉川保育園</t>
    <rPh sb="0" eb="2">
      <t>シャカイ</t>
    </rPh>
    <rPh sb="2" eb="4">
      <t>フクシ</t>
    </rPh>
    <rPh sb="4" eb="6">
      <t>ホウジン</t>
    </rPh>
    <rPh sb="6" eb="8">
      <t>チョウヨウ</t>
    </rPh>
    <rPh sb="8" eb="9">
      <t>カイ</t>
    </rPh>
    <rPh sb="9" eb="10">
      <t>ギョク</t>
    </rPh>
    <rPh sb="10" eb="11">
      <t>セン</t>
    </rPh>
    <rPh sb="11" eb="14">
      <t>ホイクエン</t>
    </rPh>
    <phoneticPr fontId="6"/>
  </si>
  <si>
    <t>社会福祉法人けいわ会
上小田中保育園</t>
    <rPh sb="0" eb="2">
      <t>シャカイ</t>
    </rPh>
    <rPh sb="2" eb="4">
      <t>フクシ</t>
    </rPh>
    <rPh sb="4" eb="6">
      <t>ホウジン</t>
    </rPh>
    <rPh sb="9" eb="10">
      <t>カイ</t>
    </rPh>
    <rPh sb="11" eb="12">
      <t>ウエ</t>
    </rPh>
    <rPh sb="12" eb="15">
      <t>オダナカ</t>
    </rPh>
    <rPh sb="15" eb="18">
      <t>ホイクエン</t>
    </rPh>
    <phoneticPr fontId="6"/>
  </si>
  <si>
    <t>わかばの杜保育園</t>
    <rPh sb="4" eb="5">
      <t>モリ</t>
    </rPh>
    <rPh sb="5" eb="8">
      <t>ホイクエン</t>
    </rPh>
    <phoneticPr fontId="6"/>
  </si>
  <si>
    <t>川崎市宮前区南野川3-28-11</t>
    <rPh sb="6" eb="7">
      <t>ミナミ</t>
    </rPh>
    <rPh sb="7" eb="9">
      <t>ノガワ</t>
    </rPh>
    <phoneticPr fontId="1"/>
  </si>
  <si>
    <t>社会福祉法人横浜悠久会白鳥保育園</t>
    <rPh sb="0" eb="2">
      <t>シャカイ</t>
    </rPh>
    <rPh sb="2" eb="4">
      <t>フクシ</t>
    </rPh>
    <rPh sb="4" eb="6">
      <t>ホウジン</t>
    </rPh>
    <rPh sb="6" eb="8">
      <t>ヨコハマ</t>
    </rPh>
    <rPh sb="8" eb="10">
      <t>ユウキュウ</t>
    </rPh>
    <rPh sb="10" eb="11">
      <t>カイ</t>
    </rPh>
    <rPh sb="11" eb="13">
      <t>シラトリ</t>
    </rPh>
    <rPh sb="13" eb="16">
      <t>ホイクエン</t>
    </rPh>
    <phoneticPr fontId="5"/>
  </si>
  <si>
    <t>幼保連携型認定こども園　
大島幼稚園</t>
    <rPh sb="0" eb="2">
      <t>ヨウホ</t>
    </rPh>
    <rPh sb="2" eb="4">
      <t>レンケイ</t>
    </rPh>
    <rPh sb="4" eb="5">
      <t>ガタ</t>
    </rPh>
    <rPh sb="5" eb="7">
      <t>ニンテイ</t>
    </rPh>
    <rPh sb="10" eb="11">
      <t>エン</t>
    </rPh>
    <phoneticPr fontId="1"/>
  </si>
  <si>
    <t>幼保連携型認定こども園
星ヶ丘二葉園</t>
    <rPh sb="0" eb="2">
      <t>ヨウホ</t>
    </rPh>
    <rPh sb="2" eb="5">
      <t>レンケイガタ</t>
    </rPh>
    <rPh sb="5" eb="7">
      <t>ニンテイ</t>
    </rPh>
    <rPh sb="10" eb="11">
      <t>エン</t>
    </rPh>
    <rPh sb="12" eb="15">
      <t>ホシガオカ</t>
    </rPh>
    <rPh sb="15" eb="17">
      <t>フタバ</t>
    </rPh>
    <rPh sb="17" eb="18">
      <t>エン</t>
    </rPh>
    <phoneticPr fontId="8"/>
  </si>
  <si>
    <t>幼保連携型認定こども園
むくどりこども園</t>
    <phoneticPr fontId="1"/>
  </si>
  <si>
    <t>幼保連携型認定こども園
おおのだい</t>
    <phoneticPr fontId="1"/>
  </si>
  <si>
    <t>幼保連携型認定こども園
清水こども園</t>
    <rPh sb="5" eb="7">
      <t>ニンテイ</t>
    </rPh>
    <rPh sb="10" eb="11">
      <t>エン</t>
    </rPh>
    <rPh sb="12" eb="14">
      <t>シミズ</t>
    </rPh>
    <rPh sb="17" eb="18">
      <t>エン</t>
    </rPh>
    <phoneticPr fontId="8"/>
  </si>
  <si>
    <t>幼保連携型認定こども園
まつがえこども園</t>
    <phoneticPr fontId="1"/>
  </si>
  <si>
    <t>幼保連携型認定こども園
むくどり風の丘こども園</t>
    <phoneticPr fontId="1"/>
  </si>
  <si>
    <t>幼保連携型認定こども園
第二ふたば園</t>
    <rPh sb="12" eb="14">
      <t>ダイニ</t>
    </rPh>
    <rPh sb="17" eb="18">
      <t>エン</t>
    </rPh>
    <phoneticPr fontId="8"/>
  </si>
  <si>
    <t>幼保連携型認定こども園
むくどり風の森こども園</t>
    <rPh sb="5" eb="7">
      <t>ニンテイ</t>
    </rPh>
    <rPh sb="10" eb="11">
      <t>エン</t>
    </rPh>
    <rPh sb="16" eb="17">
      <t>カゼ</t>
    </rPh>
    <rPh sb="18" eb="19">
      <t>モリ</t>
    </rPh>
    <rPh sb="22" eb="23">
      <t>エン</t>
    </rPh>
    <phoneticPr fontId="8"/>
  </si>
  <si>
    <t>幼保連携型認定こども園
東橋本ひまわりこども園</t>
    <rPh sb="5" eb="7">
      <t>ニンテイ</t>
    </rPh>
    <rPh sb="10" eb="11">
      <t>エン</t>
    </rPh>
    <rPh sb="12" eb="13">
      <t>ヒガシ</t>
    </rPh>
    <rPh sb="13" eb="15">
      <t>ハシモト</t>
    </rPh>
    <rPh sb="22" eb="23">
      <t>エン</t>
    </rPh>
    <phoneticPr fontId="8"/>
  </si>
  <si>
    <t>幼保連携型認定こども園
ひかりキッズ</t>
    <rPh sb="5" eb="7">
      <t>ニンテイ</t>
    </rPh>
    <rPh sb="10" eb="11">
      <t>エン</t>
    </rPh>
    <phoneticPr fontId="8"/>
  </si>
  <si>
    <t>幼保連携型認定こども園
橋本りんごこども園</t>
    <rPh sb="5" eb="7">
      <t>ニンテイ</t>
    </rPh>
    <rPh sb="10" eb="11">
      <t>エン</t>
    </rPh>
    <rPh sb="12" eb="14">
      <t>ハシモト</t>
    </rPh>
    <rPh sb="20" eb="21">
      <t>エン</t>
    </rPh>
    <phoneticPr fontId="8"/>
  </si>
  <si>
    <t>幼保連携型認定こども園
ひまわり第2こども園</t>
    <rPh sb="5" eb="7">
      <t>ニンテイ</t>
    </rPh>
    <rPh sb="10" eb="11">
      <t>エン</t>
    </rPh>
    <rPh sb="16" eb="17">
      <t>ダイ</t>
    </rPh>
    <rPh sb="21" eb="22">
      <t>エン</t>
    </rPh>
    <phoneticPr fontId="8"/>
  </si>
  <si>
    <t>幼保連携型認定こども園
みんなのとっぽこども園</t>
    <rPh sb="5" eb="7">
      <t>ニンテイ</t>
    </rPh>
    <rPh sb="10" eb="11">
      <t>エン</t>
    </rPh>
    <rPh sb="22" eb="23">
      <t>エン</t>
    </rPh>
    <phoneticPr fontId="8"/>
  </si>
  <si>
    <t>二本松こども園</t>
    <phoneticPr fontId="1"/>
  </si>
  <si>
    <t>南橋本みたけこども園</t>
    <phoneticPr fontId="1"/>
  </si>
  <si>
    <t>さいわいこども園</t>
    <phoneticPr fontId="1"/>
  </si>
  <si>
    <t>りとせ橋本こども園</t>
    <phoneticPr fontId="1"/>
  </si>
  <si>
    <t>スマイルナーサリー八雲</t>
    <phoneticPr fontId="1"/>
  </si>
  <si>
    <t>相模原市南区相模大野6-5-7 
657TERRACE102号</t>
    <rPh sb="0" eb="4">
      <t>サガミハラシ</t>
    </rPh>
    <rPh sb="30" eb="31">
      <t>ゴウ</t>
    </rPh>
    <phoneticPr fontId="1"/>
  </si>
  <si>
    <t>横須賀市芦名1-31-17</t>
    <rPh sb="0" eb="4">
      <t>ヨコスカシ</t>
    </rPh>
    <rPh sb="4" eb="6">
      <t>アシナ</t>
    </rPh>
    <phoneticPr fontId="1"/>
  </si>
  <si>
    <t>佐野こども園</t>
    <rPh sb="0" eb="2">
      <t>サノ</t>
    </rPh>
    <rPh sb="5" eb="6">
      <t>エン</t>
    </rPh>
    <phoneticPr fontId="1"/>
  </si>
  <si>
    <t>横須賀市津久井2-14-22</t>
    <rPh sb="0" eb="4">
      <t>ヨコスカシ</t>
    </rPh>
    <rPh sb="4" eb="7">
      <t>ツクイ</t>
    </rPh>
    <phoneticPr fontId="1"/>
  </si>
  <si>
    <t>平塚市松風町23-54</t>
    <rPh sb="0" eb="3">
      <t>ヒラツカシ</t>
    </rPh>
    <rPh sb="3" eb="6">
      <t>マツカゼチョウ</t>
    </rPh>
    <phoneticPr fontId="1"/>
  </si>
  <si>
    <t>0463-20-8221</t>
    <phoneticPr fontId="1"/>
  </si>
  <si>
    <t>0467-59-1530</t>
    <phoneticPr fontId="1"/>
  </si>
  <si>
    <t>0467-52-0008</t>
    <phoneticPr fontId="1"/>
  </si>
  <si>
    <t>0467-52-7009</t>
    <phoneticPr fontId="1"/>
  </si>
  <si>
    <t>茅ヶ崎市幸町9番11号</t>
    <rPh sb="7" eb="8">
      <t>バン</t>
    </rPh>
    <rPh sb="10" eb="11">
      <t>ゴウ</t>
    </rPh>
    <phoneticPr fontId="1"/>
  </si>
  <si>
    <t>認定こども園平和学園幼稚園</t>
    <rPh sb="0" eb="2">
      <t>ニンテイ</t>
    </rPh>
    <rPh sb="5" eb="6">
      <t>エン</t>
    </rPh>
    <rPh sb="6" eb="8">
      <t>ヘイワ</t>
    </rPh>
    <phoneticPr fontId="1"/>
  </si>
  <si>
    <t>秦野市栄町五番11号の1</t>
    <rPh sb="6" eb="7">
      <t>バン</t>
    </rPh>
    <phoneticPr fontId="1"/>
  </si>
  <si>
    <t>厚木市中町3-2-6Ｔビル3Ｆ</t>
    <phoneticPr fontId="1"/>
  </si>
  <si>
    <t>046-296-5055</t>
    <phoneticPr fontId="1"/>
  </si>
  <si>
    <t>厚木はないろ保育園</t>
    <rPh sb="0" eb="2">
      <t>アツギ</t>
    </rPh>
    <phoneticPr fontId="1"/>
  </si>
  <si>
    <t>046-215-2532</t>
    <phoneticPr fontId="1"/>
  </si>
  <si>
    <t>海老名市社家六丁目14番5号</t>
    <rPh sb="6" eb="9">
      <t>ロクチョウメ</t>
    </rPh>
    <rPh sb="11" eb="12">
      <t>バン</t>
    </rPh>
    <rPh sb="13" eb="14">
      <t>ゴウ</t>
    </rPh>
    <phoneticPr fontId="1"/>
  </si>
  <si>
    <t>座間市入谷西4-2-25</t>
    <rPh sb="0" eb="3">
      <t>ザマシ</t>
    </rPh>
    <rPh sb="3" eb="5">
      <t>イリヤ</t>
    </rPh>
    <rPh sb="5" eb="6">
      <t>ニシ</t>
    </rPh>
    <phoneticPr fontId="1"/>
  </si>
  <si>
    <t>座間市相模が丘1-25-1
リビオタワー小田急相模原
コモンズざま4階</t>
    <rPh sb="0" eb="3">
      <t>ザマシ</t>
    </rPh>
    <rPh sb="3" eb="5">
      <t>サガミ</t>
    </rPh>
    <rPh sb="6" eb="7">
      <t>オカ</t>
    </rPh>
    <rPh sb="20" eb="26">
      <t>オダキュウサガミハラ</t>
    </rPh>
    <rPh sb="34" eb="35">
      <t>カイ</t>
    </rPh>
    <phoneticPr fontId="1"/>
  </si>
  <si>
    <t>保育所モナミこども園</t>
    <rPh sb="0" eb="2">
      <t>ホイク</t>
    </rPh>
    <rPh sb="2" eb="3">
      <t>ショ</t>
    </rPh>
    <rPh sb="9" eb="10">
      <t>エン</t>
    </rPh>
    <phoneticPr fontId="1"/>
  </si>
  <si>
    <t>村岡保育園</t>
    <rPh sb="0" eb="2">
      <t>ムラオカ</t>
    </rPh>
    <rPh sb="2" eb="5">
      <t>ホイクエン</t>
    </rPh>
    <phoneticPr fontId="1"/>
  </si>
  <si>
    <t>藤沢市大鋸1-2-15</t>
    <rPh sb="0" eb="3">
      <t>フジサワシ</t>
    </rPh>
    <phoneticPr fontId="1"/>
  </si>
  <si>
    <t>0466-26-6431</t>
    <phoneticPr fontId="1"/>
  </si>
  <si>
    <t>中津幼稚園</t>
    <rPh sb="0" eb="2">
      <t>ナカツ</t>
    </rPh>
    <rPh sb="2" eb="5">
      <t>ヨウチエン</t>
    </rPh>
    <phoneticPr fontId="1"/>
  </si>
  <si>
    <t>愛川町中津2217</t>
    <rPh sb="0" eb="3">
      <t>アイカワマチ</t>
    </rPh>
    <rPh sb="3" eb="5">
      <t>ナカツ</t>
    </rPh>
    <phoneticPr fontId="1"/>
  </si>
  <si>
    <t>046-285-1650</t>
    <phoneticPr fontId="1"/>
  </si>
  <si>
    <t>中央こども園</t>
    <rPh sb="0" eb="2">
      <t>チュウオウ</t>
    </rPh>
    <rPh sb="5" eb="6">
      <t>エン</t>
    </rPh>
    <phoneticPr fontId="1"/>
  </si>
  <si>
    <t>横須賀市小川町20</t>
    <rPh sb="0" eb="4">
      <t>ヨコスカシ</t>
    </rPh>
    <rPh sb="4" eb="7">
      <t>オガワチョウ</t>
    </rPh>
    <phoneticPr fontId="1"/>
  </si>
  <si>
    <t>メリーポピンズラスカ茅ヶ崎ルーム</t>
    <rPh sb="10" eb="13">
      <t>チガサキ</t>
    </rPh>
    <phoneticPr fontId="1"/>
  </si>
  <si>
    <t>茅ヶ崎市元町1番1号
ラスカ茅ヶ崎6Ｆ</t>
    <rPh sb="0" eb="4">
      <t>チガサキシ</t>
    </rPh>
    <rPh sb="4" eb="6">
      <t>モトマチ</t>
    </rPh>
    <rPh sb="7" eb="8">
      <t>バン</t>
    </rPh>
    <rPh sb="9" eb="10">
      <t>ゴウ</t>
    </rPh>
    <rPh sb="14" eb="17">
      <t>チガサキ</t>
    </rPh>
    <phoneticPr fontId="1"/>
  </si>
  <si>
    <t>0467-53-7690</t>
    <phoneticPr fontId="1"/>
  </si>
  <si>
    <t>046-240-6071</t>
    <phoneticPr fontId="1"/>
  </si>
  <si>
    <t>044-222-2171</t>
  </si>
  <si>
    <t>044-223-2229</t>
  </si>
  <si>
    <t>044-221-1015</t>
  </si>
  <si>
    <t>044-280-7922</t>
  </si>
  <si>
    <t>044-288-4289</t>
  </si>
  <si>
    <t>044-322-3811</t>
  </si>
  <si>
    <t>044-288-2545</t>
  </si>
  <si>
    <t>044-223-8818</t>
  </si>
  <si>
    <t>044-222-8686</t>
  </si>
  <si>
    <t>044-246-7510</t>
  </si>
  <si>
    <t>044-266-1450</t>
  </si>
  <si>
    <t>044-589-7545</t>
  </si>
  <si>
    <t>044-280-6222</t>
  </si>
  <si>
    <t>044-201-1146</t>
  </si>
  <si>
    <t>044-201-3319</t>
  </si>
  <si>
    <t>044-580-3020</t>
  </si>
  <si>
    <t>044-201-8080</t>
  </si>
  <si>
    <t>044-542-8133</t>
  </si>
  <si>
    <t>044-542-7885</t>
  </si>
  <si>
    <t>044-520-1825</t>
  </si>
  <si>
    <t>044-223-7531</t>
  </si>
  <si>
    <t>044-541-9885</t>
  </si>
  <si>
    <t>044-588-3555</t>
  </si>
  <si>
    <t>044-542-5696</t>
  </si>
  <si>
    <t>044-511-6555</t>
  </si>
  <si>
    <t>044-589-5588</t>
  </si>
  <si>
    <t>044-223-8012</t>
  </si>
  <si>
    <t>044-777-5403</t>
  </si>
  <si>
    <t>044-430-5544</t>
  </si>
  <si>
    <t>044-411-1122</t>
  </si>
  <si>
    <t>044-433-1958</t>
  </si>
  <si>
    <t>044-753-2980</t>
  </si>
  <si>
    <t>044-948-4483</t>
  </si>
  <si>
    <t>044-555-1778</t>
  </si>
  <si>
    <t>044-982-9215</t>
  </si>
  <si>
    <t>044-920-9700</t>
  </si>
  <si>
    <t>044-299-8889</t>
  </si>
  <si>
    <t>044-511-0010</t>
  </si>
  <si>
    <t>044-948-4854</t>
  </si>
  <si>
    <t>044-866-6914</t>
  </si>
  <si>
    <t>044-543-8120</t>
  </si>
  <si>
    <t>044-833-8862</t>
  </si>
  <si>
    <t>044-755-2271</t>
  </si>
  <si>
    <t>044-712-5496</t>
  </si>
  <si>
    <t>044-811-5081</t>
  </si>
  <si>
    <t>044-750-8600</t>
  </si>
  <si>
    <t>044-753-2525</t>
  </si>
  <si>
    <t>044-281-7833</t>
  </si>
  <si>
    <t>044-829-1830</t>
  </si>
  <si>
    <t>044-948-6300</t>
  </si>
  <si>
    <t>044-789-9710</t>
  </si>
  <si>
    <t>044-871-7538</t>
  </si>
  <si>
    <t>044-920-9200</t>
  </si>
  <si>
    <t>044-855-8820</t>
  </si>
  <si>
    <t>044-860-2415</t>
  </si>
  <si>
    <t>044-860-2781</t>
  </si>
  <si>
    <t>044-855-2121</t>
  </si>
  <si>
    <t>044-877-6215</t>
  </si>
  <si>
    <t>044-871-7010</t>
  </si>
  <si>
    <t>044-920-9611</t>
  </si>
  <si>
    <t>044-854-4855</t>
  </si>
  <si>
    <t>044-863-8741</t>
  </si>
  <si>
    <t>044-811-1255</t>
  </si>
  <si>
    <t>044-944-1515</t>
  </si>
  <si>
    <t>044-945-2333</t>
  </si>
  <si>
    <t>044-933-1152</t>
  </si>
  <si>
    <t>044-930-1261</t>
  </si>
  <si>
    <t>044-944-9288</t>
  </si>
  <si>
    <t>044-932-2111</t>
  </si>
  <si>
    <t>044-455-5211</t>
  </si>
  <si>
    <t>044-969-5403</t>
  </si>
  <si>
    <t>044-988-1453</t>
  </si>
  <si>
    <t>044-966-5858</t>
  </si>
  <si>
    <t>044-281-8787</t>
  </si>
  <si>
    <t>044-819-7481</t>
  </si>
  <si>
    <t>044-988-3415</t>
  </si>
  <si>
    <t>044-981-5105</t>
  </si>
  <si>
    <t>044-987-8206</t>
  </si>
  <si>
    <t>044-819-5581</t>
  </si>
  <si>
    <t>044-872-7455</t>
  </si>
  <si>
    <t>044-744-3288</t>
  </si>
  <si>
    <t>044-766-6001</t>
  </si>
  <si>
    <t>044-740-5106</t>
  </si>
  <si>
    <t>044-396-3171</t>
  </si>
  <si>
    <t>044-201-8042</t>
  </si>
  <si>
    <t>列1</t>
    <rPh sb="0" eb="2">
      <t>ツイキ</t>
    </rPh>
    <phoneticPr fontId="1"/>
  </si>
  <si>
    <t>幼保連携型認定こども園　若松こども園</t>
    <rPh sb="0" eb="2">
      <t>ヨウホ</t>
    </rPh>
    <rPh sb="2" eb="5">
      <t>レンケイガタ</t>
    </rPh>
    <rPh sb="5" eb="7">
      <t>ニンテイ</t>
    </rPh>
    <rPh sb="10" eb="11">
      <t>エン</t>
    </rPh>
    <rPh sb="12" eb="14">
      <t>ワカマツ</t>
    </rPh>
    <rPh sb="17" eb="18">
      <t>エン</t>
    </rPh>
    <phoneticPr fontId="1"/>
  </si>
  <si>
    <t>サンライズキッズ保育園</t>
    <rPh sb="8" eb="11">
      <t>ホイクエン</t>
    </rPh>
    <phoneticPr fontId="1"/>
  </si>
  <si>
    <t>相模原市南区上鶴間6-31-8</t>
    <rPh sb="0" eb="4">
      <t>サガミハラシ</t>
    </rPh>
    <rPh sb="4" eb="6">
      <t>ミナミク</t>
    </rPh>
    <rPh sb="6" eb="9">
      <t>カミツルマ</t>
    </rPh>
    <phoneticPr fontId="1"/>
  </si>
  <si>
    <t>050-5807-2160</t>
    <phoneticPr fontId="1"/>
  </si>
  <si>
    <t>スクルドエンジェル保育園中央林間園</t>
  </si>
  <si>
    <t>大和市中央林間9-17-1</t>
  </si>
  <si>
    <t>046-204-4752</t>
  </si>
  <si>
    <t>みらいのこども保育園</t>
  </si>
  <si>
    <t>大和市つきみ野1-13-3</t>
  </si>
  <si>
    <t>046-200-7745</t>
  </si>
  <si>
    <t>桜ヶ丘はないろ保育園</t>
  </si>
  <si>
    <t>大和市福田2-33-6</t>
  </si>
  <si>
    <t>046-200-7933</t>
  </si>
  <si>
    <t>スクルドエンジェル保育園高等町園</t>
  </si>
  <si>
    <t>大和市渋谷8-14-12</t>
  </si>
  <si>
    <t>046-206-5754</t>
  </si>
  <si>
    <t>子どもの家</t>
    <rPh sb="0" eb="1">
      <t>コ</t>
    </rPh>
    <rPh sb="4" eb="5">
      <t>イエ</t>
    </rPh>
    <phoneticPr fontId="1"/>
  </si>
  <si>
    <t>南足柄市狩野343番地15</t>
    <rPh sb="0" eb="4">
      <t>ミナミアシガラシ</t>
    </rPh>
    <rPh sb="4" eb="6">
      <t>カノ</t>
    </rPh>
    <rPh sb="9" eb="11">
      <t>バンチ</t>
    </rPh>
    <phoneticPr fontId="1"/>
  </si>
  <si>
    <t>0465-25-2734</t>
  </si>
  <si>
    <t>修正</t>
    <rPh sb="0" eb="2">
      <t>シュウセイ</t>
    </rPh>
    <phoneticPr fontId="1"/>
  </si>
  <si>
    <t>認定こども園すこやか</t>
    <phoneticPr fontId="1"/>
  </si>
  <si>
    <t>厚木市中町4-9-14 Flos厚木中町1階</t>
    <phoneticPr fontId="1"/>
  </si>
  <si>
    <t>0465-62-3516</t>
    <phoneticPr fontId="1"/>
  </si>
  <si>
    <t>サンライズキッズ保育園小田原園</t>
    <rPh sb="8" eb="11">
      <t>ホイクエン</t>
    </rPh>
    <rPh sb="11" eb="14">
      <t>オダワラ</t>
    </rPh>
    <rPh sb="14" eb="15">
      <t>エン</t>
    </rPh>
    <phoneticPr fontId="1"/>
  </si>
  <si>
    <t>小田原市曽比1755番地の1</t>
    <rPh sb="0" eb="4">
      <t>オダワラシ</t>
    </rPh>
    <rPh sb="4" eb="6">
      <t>ソビ</t>
    </rPh>
    <rPh sb="10" eb="12">
      <t>バンチ</t>
    </rPh>
    <phoneticPr fontId="1"/>
  </si>
  <si>
    <t>050-5807-2229</t>
    <phoneticPr fontId="1"/>
  </si>
  <si>
    <t>新規追加</t>
    <rPh sb="0" eb="2">
      <t>シンキ</t>
    </rPh>
    <rPh sb="2" eb="4">
      <t>ツイカ</t>
    </rPh>
    <phoneticPr fontId="1"/>
  </si>
  <si>
    <t>マナマーレ保育園</t>
    <rPh sb="5" eb="8">
      <t>ホイクエン</t>
    </rPh>
    <phoneticPr fontId="1"/>
  </si>
  <si>
    <t>小田原市中町3丁目11番地33号</t>
    <rPh sb="0" eb="4">
      <t>オダワラシ</t>
    </rPh>
    <rPh sb="4" eb="6">
      <t>ナカチョウ</t>
    </rPh>
    <rPh sb="7" eb="9">
      <t>チョウメ</t>
    </rPh>
    <rPh sb="11" eb="13">
      <t>バンチ</t>
    </rPh>
    <rPh sb="15" eb="16">
      <t>ゴウ</t>
    </rPh>
    <phoneticPr fontId="1"/>
  </si>
  <si>
    <t>0465-33-6677</t>
    <phoneticPr fontId="1"/>
  </si>
  <si>
    <t>あおぞら輝き保育園</t>
    <rPh sb="4" eb="5">
      <t>カガヤ</t>
    </rPh>
    <rPh sb="6" eb="9">
      <t>ホイクエン</t>
    </rPh>
    <phoneticPr fontId="1"/>
  </si>
  <si>
    <t>茅ヶ崎市円蔵2108番地４</t>
    <rPh sb="0" eb="4">
      <t>チガサキシ</t>
    </rPh>
    <rPh sb="4" eb="6">
      <t>エンゾウ</t>
    </rPh>
    <rPh sb="10" eb="12">
      <t>バンチ</t>
    </rPh>
    <phoneticPr fontId="1"/>
  </si>
  <si>
    <t>0467-73-8076</t>
    <phoneticPr fontId="1"/>
  </si>
  <si>
    <t>町立まさご保育園</t>
    <rPh sb="0" eb="2">
      <t>チョウリツ</t>
    </rPh>
    <rPh sb="5" eb="8">
      <t>ホイクエン</t>
    </rPh>
    <phoneticPr fontId="1"/>
  </si>
  <si>
    <t>湯河原町中央一丁目16番地１</t>
    <rPh sb="0" eb="4">
      <t>ユガワラマチ</t>
    </rPh>
    <rPh sb="4" eb="6">
      <t>チュウオウ</t>
    </rPh>
    <rPh sb="6" eb="9">
      <t>1チョウメ</t>
    </rPh>
    <rPh sb="11" eb="13">
      <t>バンチ</t>
    </rPh>
    <phoneticPr fontId="1"/>
  </si>
  <si>
    <t>かしまだ保育園</t>
    <rPh sb="4" eb="6">
      <t>ホイク</t>
    </rPh>
    <rPh sb="6" eb="7">
      <t>エン</t>
    </rPh>
    <phoneticPr fontId="1"/>
  </si>
  <si>
    <t>川崎市幸区下平間1-10</t>
    <rPh sb="5" eb="6">
      <t>シモ</t>
    </rPh>
    <rPh sb="6" eb="8">
      <t>ヒラマ</t>
    </rPh>
    <phoneticPr fontId="1"/>
  </si>
  <si>
    <t>044-200-4991</t>
  </si>
  <si>
    <t>モミヤマ保育所</t>
    <rPh sb="4" eb="7">
      <t>ホイクショ</t>
    </rPh>
    <phoneticPr fontId="1"/>
  </si>
  <si>
    <t>大和市福田5-17-2</t>
    <rPh sb="0" eb="3">
      <t>ヤマトシ</t>
    </rPh>
    <rPh sb="3" eb="5">
      <t>フクダ</t>
    </rPh>
    <phoneticPr fontId="1"/>
  </si>
  <si>
    <t>046-269-4345</t>
  </si>
  <si>
    <t>幼児教育・保育の無償化対象施設リスト（一時預かり保育事業）</t>
    <rPh sb="19" eb="22">
      <t>イチジアズ</t>
    </rPh>
    <rPh sb="24" eb="26">
      <t>ホイク</t>
    </rPh>
    <rPh sb="26" eb="28">
      <t>ジギョウ</t>
    </rPh>
    <phoneticPr fontId="1"/>
  </si>
  <si>
    <t>保育園アワーキッズ湘南</t>
    <phoneticPr fontId="1"/>
  </si>
  <si>
    <t>藤沢市鵠沼橘１－６－２</t>
    <rPh sb="0" eb="3">
      <t>フジサワシ</t>
    </rPh>
    <phoneticPr fontId="1"/>
  </si>
  <si>
    <t>0466-47-3910</t>
    <phoneticPr fontId="1"/>
  </si>
  <si>
    <t>茅ヶ崎市萩園3800番地</t>
    <rPh sb="10" eb="12">
      <t>バンチ</t>
    </rPh>
    <phoneticPr fontId="1"/>
  </si>
  <si>
    <t>厚木市飯山南5-28-10</t>
    <rPh sb="5" eb="6">
      <t>ミナミ</t>
    </rPh>
    <phoneticPr fontId="1"/>
  </si>
  <si>
    <t>厚木市飯山南4-11-1</t>
    <rPh sb="5" eb="6">
      <t>ミナミ</t>
    </rPh>
    <phoneticPr fontId="1"/>
  </si>
  <si>
    <t>伊勢宮幼稚園</t>
    <rPh sb="0" eb="3">
      <t>イセミヤ</t>
    </rPh>
    <rPh sb="3" eb="6">
      <t>ヨウチエン</t>
    </rPh>
    <phoneticPr fontId="1"/>
  </si>
  <si>
    <t>厚木市及川2-23-1</t>
    <rPh sb="0" eb="3">
      <t>アツギシ</t>
    </rPh>
    <rPh sb="3" eb="5">
      <t>オイカワ</t>
    </rPh>
    <phoneticPr fontId="1"/>
  </si>
  <si>
    <t>046-241-0944</t>
    <phoneticPr fontId="1"/>
  </si>
  <si>
    <t>モミヤマ幼稚園</t>
    <rPh sb="4" eb="7">
      <t>ヨウチエン</t>
    </rPh>
    <phoneticPr fontId="1"/>
  </si>
  <si>
    <t>あーす保育園中央林間</t>
    <rPh sb="3" eb="6">
      <t>ホイクエン</t>
    </rPh>
    <rPh sb="6" eb="10">
      <t>チュウオウリンカン</t>
    </rPh>
    <phoneticPr fontId="1"/>
  </si>
  <si>
    <t>大和市中央林間4-15-15</t>
    <rPh sb="0" eb="3">
      <t>ヤマトシ</t>
    </rPh>
    <rPh sb="3" eb="7">
      <t>チュウオウリンカン</t>
    </rPh>
    <phoneticPr fontId="1"/>
  </si>
  <si>
    <t>046-278-1275</t>
  </si>
  <si>
    <t>大和はないろ保育園</t>
    <rPh sb="0" eb="2">
      <t>ヤマト</t>
    </rPh>
    <rPh sb="6" eb="9">
      <t>ホイクエン</t>
    </rPh>
    <phoneticPr fontId="1"/>
  </si>
  <si>
    <t>大和市中央3-1-6</t>
    <rPh sb="0" eb="2">
      <t>ヤマト</t>
    </rPh>
    <rPh sb="2" eb="3">
      <t>シ</t>
    </rPh>
    <rPh sb="3" eb="5">
      <t>チュウオウ</t>
    </rPh>
    <phoneticPr fontId="1"/>
  </si>
  <si>
    <t>046-240-1377</t>
  </si>
  <si>
    <t>はひふへ保育園かみわだ園</t>
    <rPh sb="4" eb="7">
      <t>ホイクエン</t>
    </rPh>
    <rPh sb="11" eb="12">
      <t>エン</t>
    </rPh>
    <phoneticPr fontId="1"/>
  </si>
  <si>
    <t>相模原市</t>
    <rPh sb="0" eb="4">
      <t>サガミハラシ</t>
    </rPh>
    <phoneticPr fontId="3"/>
  </si>
  <si>
    <t>相模原市立ふじのこども園</t>
    <rPh sb="11" eb="12">
      <t>エン</t>
    </rPh>
    <phoneticPr fontId="11"/>
  </si>
  <si>
    <t>相模原市緑区吉野1030-12</t>
    <rPh sb="0" eb="4">
      <t>サガミハラシ</t>
    </rPh>
    <phoneticPr fontId="11"/>
  </si>
  <si>
    <t>042-687-5222</t>
  </si>
  <si>
    <t>相模原市中央区すすきの町27-38</t>
    <rPh sb="0" eb="4">
      <t>サガミハラシ</t>
    </rPh>
    <rPh sb="4" eb="7">
      <t>チュウオウク</t>
    </rPh>
    <rPh sb="11" eb="12">
      <t>チョウ</t>
    </rPh>
    <phoneticPr fontId="12"/>
  </si>
  <si>
    <t>042-776-7055</t>
  </si>
  <si>
    <t>あらいそのこども園</t>
    <rPh sb="8" eb="9">
      <t>エン</t>
    </rPh>
    <phoneticPr fontId="1"/>
  </si>
  <si>
    <t>幼保連携型認定こども園　ＹＭＣAオベリン保育園</t>
    <phoneticPr fontId="1"/>
  </si>
  <si>
    <t>相模原市中央区光が丘2-24-1</t>
    <rPh sb="0" eb="4">
      <t>サガミハラシ</t>
    </rPh>
    <rPh sb="4" eb="7">
      <t>チュウオウク</t>
    </rPh>
    <rPh sb="7" eb="8">
      <t>ヒカリ</t>
    </rPh>
    <rPh sb="9" eb="10">
      <t>オカ</t>
    </rPh>
    <phoneticPr fontId="3"/>
  </si>
  <si>
    <t>042-755-0391</t>
  </si>
  <si>
    <t>湘南長沢幼稚園</t>
    <rPh sb="0" eb="2">
      <t>ショウナン</t>
    </rPh>
    <rPh sb="2" eb="4">
      <t>ナガサワ</t>
    </rPh>
    <rPh sb="4" eb="7">
      <t>ヨウチエン</t>
    </rPh>
    <phoneticPr fontId="1"/>
  </si>
  <si>
    <t>横須賀市グリーンハイツ13-2</t>
    <rPh sb="0" eb="4">
      <t>ヨコスカシ</t>
    </rPh>
    <phoneticPr fontId="1"/>
  </si>
  <si>
    <t>046-849-6407</t>
    <phoneticPr fontId="1"/>
  </si>
  <si>
    <t>座間市</t>
  </si>
  <si>
    <t>保育ルームフェリーチェ相武台前園</t>
    <rPh sb="0" eb="2">
      <t>ホイク</t>
    </rPh>
    <rPh sb="11" eb="14">
      <t>ソウブダイ</t>
    </rPh>
    <rPh sb="14" eb="15">
      <t>マエ</t>
    </rPh>
    <rPh sb="15" eb="16">
      <t>エン</t>
    </rPh>
    <phoneticPr fontId="1"/>
  </si>
  <si>
    <t>座間市相武台2丁目30-35</t>
    <rPh sb="0" eb="2">
      <t>ザマ</t>
    </rPh>
    <rPh sb="2" eb="3">
      <t>シ</t>
    </rPh>
    <rPh sb="3" eb="6">
      <t>ソウブダイ</t>
    </rPh>
    <rPh sb="7" eb="9">
      <t>チョウメ</t>
    </rPh>
    <phoneticPr fontId="1"/>
  </si>
  <si>
    <t>046-205-4367</t>
    <phoneticPr fontId="1"/>
  </si>
  <si>
    <t>令和5年度については一時休止中</t>
    <rPh sb="0" eb="2">
      <t>レイワ</t>
    </rPh>
    <rPh sb="3" eb="5">
      <t>ネンド</t>
    </rPh>
    <rPh sb="10" eb="15">
      <t>イチジキュウシチュウ</t>
    </rPh>
    <phoneticPr fontId="1"/>
  </si>
  <si>
    <t>開成町みなみ3丁目2番地1</t>
    <rPh sb="0" eb="3">
      <t>カイセイマチ</t>
    </rPh>
    <rPh sb="7" eb="9">
      <t>チョウメ</t>
    </rPh>
    <rPh sb="10" eb="12">
      <t>バンチ</t>
    </rPh>
    <phoneticPr fontId="3"/>
  </si>
  <si>
    <t>0465-44-4803</t>
  </si>
  <si>
    <t>044-948-6615</t>
  </si>
  <si>
    <t>044-543-9393</t>
  </si>
  <si>
    <t>川崎市麻生区岡上1-15-6</t>
  </si>
  <si>
    <t>そらまめ保育園（本園）</t>
    <rPh sb="4" eb="7">
      <t>ホイクエン</t>
    </rPh>
    <rPh sb="8" eb="9">
      <t>ホン</t>
    </rPh>
    <rPh sb="9" eb="10">
      <t>エン</t>
    </rPh>
    <phoneticPr fontId="1"/>
  </si>
  <si>
    <t>川崎市多摩区宿河原1-1-32</t>
    <rPh sb="3" eb="6">
      <t>タマク</t>
    </rPh>
    <rPh sb="6" eb="9">
      <t>シュクガワラ</t>
    </rPh>
    <phoneticPr fontId="1"/>
  </si>
  <si>
    <t>044-299-8760</t>
  </si>
  <si>
    <t>認定こども園神田幼稚園</t>
    <rPh sb="0" eb="2">
      <t>ニンテイ</t>
    </rPh>
    <rPh sb="5" eb="6">
      <t>エン</t>
    </rPh>
    <rPh sb="6" eb="8">
      <t>カンダ</t>
    </rPh>
    <rPh sb="8" eb="11">
      <t>ヨウチエン</t>
    </rPh>
    <phoneticPr fontId="3"/>
  </si>
  <si>
    <t>海老名たちばな保育園</t>
    <rPh sb="0" eb="3">
      <t>エビナ</t>
    </rPh>
    <rPh sb="7" eb="10">
      <t>ホイクエン</t>
    </rPh>
    <phoneticPr fontId="3"/>
  </si>
  <si>
    <t>海老名市中央一丁目19番33号－４Ｂ</t>
    <rPh sb="0" eb="4">
      <t>エビナシ</t>
    </rPh>
    <rPh sb="4" eb="6">
      <t>チュウオウ</t>
    </rPh>
    <rPh sb="6" eb="7">
      <t>イチ</t>
    </rPh>
    <rPh sb="7" eb="9">
      <t>チョウメ</t>
    </rPh>
    <rPh sb="11" eb="12">
      <t>バン</t>
    </rPh>
    <rPh sb="14" eb="15">
      <t>ゴウ</t>
    </rPh>
    <phoneticPr fontId="3"/>
  </si>
  <si>
    <t>令和５年４月１日現在</t>
    <phoneticPr fontId="1"/>
  </si>
  <si>
    <t>令和5年6月以降左記に移転予定</t>
    <rPh sb="0" eb="2">
      <t>レイワ</t>
    </rPh>
    <rPh sb="3" eb="4">
      <t>ネン</t>
    </rPh>
    <rPh sb="5" eb="8">
      <t>ガツイコウ</t>
    </rPh>
    <rPh sb="8" eb="10">
      <t>サキ</t>
    </rPh>
    <rPh sb="11" eb="13">
      <t>イテン</t>
    </rPh>
    <rPh sb="13" eb="15">
      <t>ヨテ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10.5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10"/>
      <color theme="1"/>
      <name val="ＭＳ 明朝"/>
      <family val="2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b/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auto="1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5" fillId="0" borderId="0"/>
    <xf numFmtId="0" fontId="9" fillId="0" borderId="0">
      <alignment vertical="center"/>
    </xf>
    <xf numFmtId="0" fontId="9" fillId="0" borderId="0">
      <alignment vertical="center"/>
    </xf>
  </cellStyleXfs>
  <cellXfs count="27">
    <xf numFmtId="0" fontId="0" fillId="0" borderId="0" xfId="0">
      <alignment vertical="center"/>
    </xf>
    <xf numFmtId="0" fontId="4" fillId="0" borderId="0" xfId="0" applyFont="1">
      <alignment vertical="center"/>
    </xf>
    <xf numFmtId="0" fontId="12" fillId="0" borderId="0" xfId="0" applyFont="1" applyFill="1" applyAlignment="1">
      <alignment vertical="center" wrapText="1"/>
    </xf>
    <xf numFmtId="0" fontId="13" fillId="0" borderId="0" xfId="0" applyFont="1" applyFill="1" applyAlignment="1">
      <alignment vertical="center" wrapText="1"/>
    </xf>
    <xf numFmtId="0" fontId="4" fillId="0" borderId="0" xfId="0" applyFont="1" applyFill="1">
      <alignment vertical="center"/>
    </xf>
    <xf numFmtId="0" fontId="14" fillId="0" borderId="3" xfId="0" applyFont="1" applyFill="1" applyBorder="1" applyAlignment="1">
      <alignment horizontal="center" vertical="center"/>
    </xf>
    <xf numFmtId="0" fontId="14" fillId="0" borderId="5" xfId="0" applyFont="1" applyFill="1" applyBorder="1" applyAlignment="1">
      <alignment horizontal="center" vertical="center"/>
    </xf>
    <xf numFmtId="0" fontId="13" fillId="0" borderId="3" xfId="0" applyFont="1" applyFill="1" applyBorder="1" applyAlignment="1">
      <alignment vertical="center" wrapText="1"/>
    </xf>
    <xf numFmtId="0" fontId="4" fillId="0" borderId="3" xfId="0" applyFont="1" applyFill="1" applyBorder="1">
      <alignment vertical="center"/>
    </xf>
    <xf numFmtId="0" fontId="4" fillId="0" borderId="3" xfId="0" applyFont="1" applyFill="1" applyBorder="1" applyAlignment="1">
      <alignment horizontal="left" vertical="center" wrapText="1" shrinkToFit="1"/>
    </xf>
    <xf numFmtId="0" fontId="4" fillId="0" borderId="3" xfId="0" applyFont="1" applyFill="1" applyBorder="1" applyAlignment="1">
      <alignment vertical="center" wrapText="1"/>
    </xf>
    <xf numFmtId="0" fontId="4" fillId="0" borderId="3" xfId="0" applyFont="1" applyFill="1" applyBorder="1" applyAlignment="1">
      <alignment horizontal="left" vertical="center" shrinkToFit="1"/>
    </xf>
    <xf numFmtId="0" fontId="4" fillId="0" borderId="5" xfId="0" applyFont="1" applyFill="1" applyBorder="1">
      <alignment vertical="center"/>
    </xf>
    <xf numFmtId="0" fontId="4" fillId="0" borderId="3" xfId="2" applyNumberFormat="1" applyFont="1" applyFill="1" applyBorder="1" applyAlignment="1">
      <alignment horizontal="left" vertical="center" wrapText="1" shrinkToFit="1"/>
    </xf>
    <xf numFmtId="0" fontId="4" fillId="0" borderId="3" xfId="1" applyNumberFormat="1" applyFont="1" applyFill="1" applyBorder="1" applyAlignment="1">
      <alignment horizontal="left" vertical="center" shrinkToFit="1"/>
    </xf>
    <xf numFmtId="0" fontId="4" fillId="0" borderId="3" xfId="1" applyNumberFormat="1" applyFont="1" applyFill="1" applyBorder="1" applyAlignment="1">
      <alignment vertical="center" shrinkToFit="1"/>
    </xf>
    <xf numFmtId="0" fontId="4" fillId="0" borderId="3" xfId="0" applyFont="1" applyFill="1" applyBorder="1" applyAlignment="1">
      <alignment vertical="center" wrapText="1" shrinkToFit="1"/>
    </xf>
    <xf numFmtId="0" fontId="4" fillId="0" borderId="3" xfId="0" applyFont="1" applyFill="1" applyBorder="1" applyAlignment="1">
      <alignment vertical="center" shrinkToFit="1"/>
    </xf>
    <xf numFmtId="0" fontId="4" fillId="0" borderId="1" xfId="0" applyFont="1" applyFill="1" applyBorder="1">
      <alignment vertical="center"/>
    </xf>
    <xf numFmtId="0" fontId="4" fillId="0" borderId="3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vertical="center" wrapText="1"/>
    </xf>
    <xf numFmtId="0" fontId="4" fillId="0" borderId="4" xfId="0" applyFont="1" applyFill="1" applyBorder="1">
      <alignment vertical="center"/>
    </xf>
    <xf numFmtId="0" fontId="4" fillId="0" borderId="3" xfId="0" applyFont="1" applyFill="1" applyBorder="1" applyAlignment="1">
      <alignment horizontal="left" vertical="center" wrapText="1"/>
    </xf>
    <xf numFmtId="0" fontId="13" fillId="0" borderId="1" xfId="0" applyFont="1" applyFill="1" applyBorder="1">
      <alignment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6" xfId="0" applyFont="1" applyFill="1" applyBorder="1">
      <alignment vertical="center"/>
    </xf>
    <xf numFmtId="0" fontId="4" fillId="0" borderId="2" xfId="0" applyFont="1" applyFill="1" applyBorder="1" applyAlignment="1">
      <alignment horizontal="center" vertical="center"/>
    </xf>
  </cellXfs>
  <cellStyles count="4">
    <cellStyle name="標準" xfId="0" builtinId="0"/>
    <cellStyle name="標準 2" xfId="3"/>
    <cellStyle name="標準 3" xfId="2"/>
    <cellStyle name="標準_保育園一覧10(kouritu)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67"/>
  <sheetViews>
    <sheetView tabSelected="1" view="pageBreakPreview" zoomScale="70" zoomScaleNormal="100" zoomScaleSheetLayoutView="70" workbookViewId="0">
      <selection activeCell="F560" sqref="F560"/>
    </sheetView>
  </sheetViews>
  <sheetFormatPr defaultRowHeight="14.4"/>
  <cols>
    <col min="1" max="1" width="5" style="1" customWidth="1"/>
    <col min="2" max="2" width="9.3984375" style="1" customWidth="1"/>
    <col min="3" max="3" width="34.5" style="1" customWidth="1"/>
    <col min="4" max="4" width="36.19921875" style="1" customWidth="1"/>
    <col min="5" max="5" width="14.796875" style="1" customWidth="1"/>
    <col min="6" max="6" width="18.3984375" style="1" customWidth="1"/>
    <col min="7" max="7" width="9.765625E-2" style="1" hidden="1" customWidth="1"/>
    <col min="8" max="16384" width="8.796875" style="1"/>
  </cols>
  <sheetData>
    <row r="1" spans="1:7" ht="73.5" customHeight="1">
      <c r="A1" s="26" t="s">
        <v>1691</v>
      </c>
      <c r="B1" s="26"/>
      <c r="C1" s="26"/>
      <c r="D1" s="26"/>
      <c r="E1" s="2"/>
      <c r="F1" s="3" t="s">
        <v>1738</v>
      </c>
      <c r="G1" s="4"/>
    </row>
    <row r="2" spans="1:7" ht="37.5" customHeight="1">
      <c r="A2" s="5" t="s">
        <v>0</v>
      </c>
      <c r="B2" s="5" t="s">
        <v>1</v>
      </c>
      <c r="C2" s="5" t="s">
        <v>5</v>
      </c>
      <c r="D2" s="5" t="s">
        <v>2</v>
      </c>
      <c r="E2" s="5" t="s">
        <v>4</v>
      </c>
      <c r="F2" s="5" t="s">
        <v>3</v>
      </c>
      <c r="G2" s="6" t="s">
        <v>1649</v>
      </c>
    </row>
    <row r="3" spans="1:7">
      <c r="A3" s="7">
        <v>1</v>
      </c>
      <c r="B3" s="8" t="s">
        <v>977</v>
      </c>
      <c r="C3" s="9" t="s">
        <v>978</v>
      </c>
      <c r="D3" s="10" t="s">
        <v>979</v>
      </c>
      <c r="E3" s="11" t="s">
        <v>1564</v>
      </c>
      <c r="F3" s="10"/>
      <c r="G3" s="12" t="s">
        <v>1669</v>
      </c>
    </row>
    <row r="4" spans="1:7">
      <c r="A4" s="7">
        <v>2</v>
      </c>
      <c r="B4" s="8" t="s">
        <v>977</v>
      </c>
      <c r="C4" s="9" t="s">
        <v>980</v>
      </c>
      <c r="D4" s="10" t="s">
        <v>981</v>
      </c>
      <c r="E4" s="11" t="s">
        <v>1565</v>
      </c>
      <c r="F4" s="10"/>
      <c r="G4" s="12" t="s">
        <v>1669</v>
      </c>
    </row>
    <row r="5" spans="1:7">
      <c r="A5" s="7">
        <v>3</v>
      </c>
      <c r="B5" s="8" t="s">
        <v>977</v>
      </c>
      <c r="C5" s="9" t="s">
        <v>982</v>
      </c>
      <c r="D5" s="10" t="s">
        <v>983</v>
      </c>
      <c r="E5" s="11" t="s">
        <v>1566</v>
      </c>
      <c r="F5" s="10"/>
      <c r="G5" s="12" t="s">
        <v>1669</v>
      </c>
    </row>
    <row r="6" spans="1:7">
      <c r="A6" s="7">
        <v>4</v>
      </c>
      <c r="B6" s="8" t="s">
        <v>977</v>
      </c>
      <c r="C6" s="9" t="s">
        <v>984</v>
      </c>
      <c r="D6" s="10" t="s">
        <v>985</v>
      </c>
      <c r="E6" s="11" t="s">
        <v>1567</v>
      </c>
      <c r="F6" s="10"/>
      <c r="G6" s="12" t="s">
        <v>1669</v>
      </c>
    </row>
    <row r="7" spans="1:7">
      <c r="A7" s="7">
        <v>5</v>
      </c>
      <c r="B7" s="8" t="s">
        <v>977</v>
      </c>
      <c r="C7" s="9" t="s">
        <v>986</v>
      </c>
      <c r="D7" s="10" t="s">
        <v>987</v>
      </c>
      <c r="E7" s="11" t="s">
        <v>1568</v>
      </c>
      <c r="F7" s="10"/>
      <c r="G7" s="12" t="s">
        <v>1669</v>
      </c>
    </row>
    <row r="8" spans="1:7">
      <c r="A8" s="7">
        <v>6</v>
      </c>
      <c r="B8" s="8" t="s">
        <v>977</v>
      </c>
      <c r="C8" s="9" t="s">
        <v>988</v>
      </c>
      <c r="D8" s="10" t="s">
        <v>989</v>
      </c>
      <c r="E8" s="11" t="s">
        <v>1569</v>
      </c>
      <c r="F8" s="10"/>
      <c r="G8" s="12" t="s">
        <v>1669</v>
      </c>
    </row>
    <row r="9" spans="1:7">
      <c r="A9" s="7">
        <v>7</v>
      </c>
      <c r="B9" s="8" t="s">
        <v>977</v>
      </c>
      <c r="C9" s="9" t="s">
        <v>990</v>
      </c>
      <c r="D9" s="10" t="s">
        <v>991</v>
      </c>
      <c r="E9" s="11" t="s">
        <v>1570</v>
      </c>
      <c r="F9" s="10"/>
      <c r="G9" s="12" t="s">
        <v>1669</v>
      </c>
    </row>
    <row r="10" spans="1:7">
      <c r="A10" s="7">
        <v>8</v>
      </c>
      <c r="B10" s="8" t="s">
        <v>977</v>
      </c>
      <c r="C10" s="9" t="s">
        <v>992</v>
      </c>
      <c r="D10" s="10" t="s">
        <v>993</v>
      </c>
      <c r="E10" s="11" t="s">
        <v>1571</v>
      </c>
      <c r="F10" s="10"/>
      <c r="G10" s="12" t="s">
        <v>1669</v>
      </c>
    </row>
    <row r="11" spans="1:7">
      <c r="A11" s="7">
        <v>9</v>
      </c>
      <c r="B11" s="8" t="s">
        <v>977</v>
      </c>
      <c r="C11" s="9" t="s">
        <v>994</v>
      </c>
      <c r="D11" s="10" t="s">
        <v>995</v>
      </c>
      <c r="E11" s="11" t="s">
        <v>1572</v>
      </c>
      <c r="F11" s="10"/>
      <c r="G11" s="12" t="s">
        <v>1669</v>
      </c>
    </row>
    <row r="12" spans="1:7">
      <c r="A12" s="7">
        <v>10</v>
      </c>
      <c r="B12" s="8" t="s">
        <v>977</v>
      </c>
      <c r="C12" s="9" t="s">
        <v>996</v>
      </c>
      <c r="D12" s="10" t="s">
        <v>997</v>
      </c>
      <c r="E12" s="11" t="s">
        <v>1573</v>
      </c>
      <c r="F12" s="10"/>
      <c r="G12" s="12" t="s">
        <v>1669</v>
      </c>
    </row>
    <row r="13" spans="1:7">
      <c r="A13" s="7">
        <v>11</v>
      </c>
      <c r="B13" s="8" t="s">
        <v>977</v>
      </c>
      <c r="C13" s="9" t="s">
        <v>998</v>
      </c>
      <c r="D13" s="10" t="s">
        <v>999</v>
      </c>
      <c r="E13" s="11" t="s">
        <v>1574</v>
      </c>
      <c r="F13" s="10"/>
      <c r="G13" s="12" t="s">
        <v>1669</v>
      </c>
    </row>
    <row r="14" spans="1:7">
      <c r="A14" s="7">
        <v>12</v>
      </c>
      <c r="B14" s="8" t="s">
        <v>977</v>
      </c>
      <c r="C14" s="9" t="s">
        <v>1000</v>
      </c>
      <c r="D14" s="10" t="s">
        <v>1001</v>
      </c>
      <c r="E14" s="11" t="s">
        <v>1575</v>
      </c>
      <c r="F14" s="10"/>
      <c r="G14" s="12" t="s">
        <v>1669</v>
      </c>
    </row>
    <row r="15" spans="1:7">
      <c r="A15" s="7">
        <v>13</v>
      </c>
      <c r="B15" s="8" t="s">
        <v>977</v>
      </c>
      <c r="C15" s="9" t="s">
        <v>1002</v>
      </c>
      <c r="D15" s="10" t="s">
        <v>1003</v>
      </c>
      <c r="E15" s="11" t="s">
        <v>1576</v>
      </c>
      <c r="F15" s="10"/>
      <c r="G15" s="12" t="s">
        <v>1669</v>
      </c>
    </row>
    <row r="16" spans="1:7">
      <c r="A16" s="7">
        <v>14</v>
      </c>
      <c r="B16" s="8" t="s">
        <v>977</v>
      </c>
      <c r="C16" s="9" t="s">
        <v>1004</v>
      </c>
      <c r="D16" s="10" t="s">
        <v>1005</v>
      </c>
      <c r="E16" s="11" t="s">
        <v>1577</v>
      </c>
      <c r="F16" s="10"/>
      <c r="G16" s="12" t="s">
        <v>1669</v>
      </c>
    </row>
    <row r="17" spans="1:7">
      <c r="A17" s="7">
        <v>15</v>
      </c>
      <c r="B17" s="8" t="s">
        <v>977</v>
      </c>
      <c r="C17" s="9" t="s">
        <v>1006</v>
      </c>
      <c r="D17" s="10" t="s">
        <v>1007</v>
      </c>
      <c r="E17" s="11" t="s">
        <v>1578</v>
      </c>
      <c r="F17" s="10"/>
      <c r="G17" s="12" t="s">
        <v>1669</v>
      </c>
    </row>
    <row r="18" spans="1:7">
      <c r="A18" s="7">
        <v>16</v>
      </c>
      <c r="B18" s="8" t="s">
        <v>977</v>
      </c>
      <c r="C18" s="9" t="s">
        <v>1008</v>
      </c>
      <c r="D18" s="10" t="s">
        <v>1009</v>
      </c>
      <c r="E18" s="11" t="s">
        <v>1579</v>
      </c>
      <c r="F18" s="10"/>
      <c r="G18" s="12" t="s">
        <v>1669</v>
      </c>
    </row>
    <row r="19" spans="1:7">
      <c r="A19" s="7">
        <v>17</v>
      </c>
      <c r="B19" s="8" t="s">
        <v>977</v>
      </c>
      <c r="C19" s="9" t="s">
        <v>1010</v>
      </c>
      <c r="D19" s="10" t="s">
        <v>1011</v>
      </c>
      <c r="E19" s="11" t="s">
        <v>1580</v>
      </c>
      <c r="F19" s="10"/>
      <c r="G19" s="12" t="s">
        <v>1669</v>
      </c>
    </row>
    <row r="20" spans="1:7">
      <c r="A20" s="7">
        <v>18</v>
      </c>
      <c r="B20" s="8" t="s">
        <v>977</v>
      </c>
      <c r="C20" s="9" t="s">
        <v>1012</v>
      </c>
      <c r="D20" s="10" t="s">
        <v>1013</v>
      </c>
      <c r="E20" s="11" t="s">
        <v>1581</v>
      </c>
      <c r="F20" s="10"/>
      <c r="G20" s="12" t="s">
        <v>1669</v>
      </c>
    </row>
    <row r="21" spans="1:7">
      <c r="A21" s="7">
        <v>19</v>
      </c>
      <c r="B21" s="8" t="s">
        <v>977</v>
      </c>
      <c r="C21" s="9" t="s">
        <v>1014</v>
      </c>
      <c r="D21" s="10" t="s">
        <v>1015</v>
      </c>
      <c r="E21" s="11" t="s">
        <v>1582</v>
      </c>
      <c r="F21" s="10"/>
      <c r="G21" s="12" t="s">
        <v>1669</v>
      </c>
    </row>
    <row r="22" spans="1:7">
      <c r="A22" s="7">
        <v>20</v>
      </c>
      <c r="B22" s="8" t="s">
        <v>977</v>
      </c>
      <c r="C22" s="9" t="s">
        <v>1016</v>
      </c>
      <c r="D22" s="10" t="s">
        <v>1017</v>
      </c>
      <c r="E22" s="11" t="s">
        <v>1583</v>
      </c>
      <c r="F22" s="10"/>
      <c r="G22" s="12" t="s">
        <v>1669</v>
      </c>
    </row>
    <row r="23" spans="1:7">
      <c r="A23" s="7">
        <v>21</v>
      </c>
      <c r="B23" s="8" t="s">
        <v>977</v>
      </c>
      <c r="C23" s="9" t="s">
        <v>1018</v>
      </c>
      <c r="D23" s="10" t="s">
        <v>1019</v>
      </c>
      <c r="E23" s="11" t="s">
        <v>1584</v>
      </c>
      <c r="F23" s="10"/>
      <c r="G23" s="12" t="s">
        <v>1669</v>
      </c>
    </row>
    <row r="24" spans="1:7">
      <c r="A24" s="7">
        <v>22</v>
      </c>
      <c r="B24" s="8" t="s">
        <v>977</v>
      </c>
      <c r="C24" s="9" t="s">
        <v>1020</v>
      </c>
      <c r="D24" s="10" t="s">
        <v>1021</v>
      </c>
      <c r="E24" s="11" t="s">
        <v>1585</v>
      </c>
      <c r="F24" s="10"/>
      <c r="G24" s="12" t="s">
        <v>1669</v>
      </c>
    </row>
    <row r="25" spans="1:7">
      <c r="A25" s="7">
        <v>23</v>
      </c>
      <c r="B25" s="8" t="s">
        <v>977</v>
      </c>
      <c r="C25" s="9" t="s">
        <v>1022</v>
      </c>
      <c r="D25" s="10" t="s">
        <v>1023</v>
      </c>
      <c r="E25" s="11" t="s">
        <v>1586</v>
      </c>
      <c r="F25" s="10"/>
      <c r="G25" s="12" t="s">
        <v>1669</v>
      </c>
    </row>
    <row r="26" spans="1:7">
      <c r="A26" s="7">
        <v>24</v>
      </c>
      <c r="B26" s="8" t="s">
        <v>977</v>
      </c>
      <c r="C26" s="9" t="s">
        <v>1024</v>
      </c>
      <c r="D26" s="10" t="s">
        <v>1025</v>
      </c>
      <c r="E26" s="11" t="s">
        <v>1587</v>
      </c>
      <c r="F26" s="10"/>
      <c r="G26" s="12" t="s">
        <v>1669</v>
      </c>
    </row>
    <row r="27" spans="1:7">
      <c r="A27" s="7">
        <v>25</v>
      </c>
      <c r="B27" s="8" t="s">
        <v>977</v>
      </c>
      <c r="C27" s="9" t="s">
        <v>1026</v>
      </c>
      <c r="D27" s="10" t="s">
        <v>1027</v>
      </c>
      <c r="E27" s="11" t="s">
        <v>1588</v>
      </c>
      <c r="F27" s="10"/>
      <c r="G27" s="12" t="s">
        <v>1669</v>
      </c>
    </row>
    <row r="28" spans="1:7">
      <c r="A28" s="7">
        <v>26</v>
      </c>
      <c r="B28" s="8" t="s">
        <v>977</v>
      </c>
      <c r="C28" s="9" t="s">
        <v>1028</v>
      </c>
      <c r="D28" s="10" t="s">
        <v>1029</v>
      </c>
      <c r="E28" s="11" t="s">
        <v>1589</v>
      </c>
      <c r="F28" s="10"/>
      <c r="G28" s="12" t="s">
        <v>1669</v>
      </c>
    </row>
    <row r="29" spans="1:7">
      <c r="A29" s="7">
        <v>27</v>
      </c>
      <c r="B29" s="8" t="s">
        <v>977</v>
      </c>
      <c r="C29" s="9" t="s">
        <v>1358</v>
      </c>
      <c r="D29" s="10" t="s">
        <v>1030</v>
      </c>
      <c r="E29" s="11" t="s">
        <v>1590</v>
      </c>
      <c r="F29" s="10"/>
      <c r="G29" s="12" t="s">
        <v>1669</v>
      </c>
    </row>
    <row r="30" spans="1:7">
      <c r="A30" s="7">
        <v>28</v>
      </c>
      <c r="B30" s="8" t="s">
        <v>977</v>
      </c>
      <c r="C30" s="9" t="s">
        <v>1031</v>
      </c>
      <c r="D30" s="10" t="s">
        <v>1032</v>
      </c>
      <c r="E30" s="11" t="s">
        <v>1591</v>
      </c>
      <c r="F30" s="10"/>
      <c r="G30" s="12" t="s">
        <v>1669</v>
      </c>
    </row>
    <row r="31" spans="1:7">
      <c r="A31" s="7">
        <v>29</v>
      </c>
      <c r="B31" s="8" t="s">
        <v>977</v>
      </c>
      <c r="C31" s="9" t="s">
        <v>1033</v>
      </c>
      <c r="D31" s="10" t="s">
        <v>1034</v>
      </c>
      <c r="E31" s="11" t="s">
        <v>1592</v>
      </c>
      <c r="F31" s="10"/>
      <c r="G31" s="12" t="s">
        <v>1669</v>
      </c>
    </row>
    <row r="32" spans="1:7">
      <c r="A32" s="7">
        <v>30</v>
      </c>
      <c r="B32" s="8" t="s">
        <v>977</v>
      </c>
      <c r="C32" s="9" t="s">
        <v>1035</v>
      </c>
      <c r="D32" s="10" t="s">
        <v>1036</v>
      </c>
      <c r="E32" s="11" t="s">
        <v>1593</v>
      </c>
      <c r="F32" s="10"/>
      <c r="G32" s="12" t="s">
        <v>1669</v>
      </c>
    </row>
    <row r="33" spans="1:7">
      <c r="A33" s="7">
        <v>31</v>
      </c>
      <c r="B33" s="8" t="s">
        <v>977</v>
      </c>
      <c r="C33" s="9" t="s">
        <v>1037</v>
      </c>
      <c r="D33" s="10" t="s">
        <v>1038</v>
      </c>
      <c r="E33" s="11" t="s">
        <v>1594</v>
      </c>
      <c r="F33" s="10"/>
      <c r="G33" s="12" t="s">
        <v>1669</v>
      </c>
    </row>
    <row r="34" spans="1:7">
      <c r="A34" s="7">
        <v>32</v>
      </c>
      <c r="B34" s="8" t="s">
        <v>977</v>
      </c>
      <c r="C34" s="9" t="s">
        <v>1039</v>
      </c>
      <c r="D34" s="10" t="s">
        <v>1040</v>
      </c>
      <c r="E34" s="11" t="s">
        <v>1595</v>
      </c>
      <c r="F34" s="10"/>
      <c r="G34" s="12" t="s">
        <v>1669</v>
      </c>
    </row>
    <row r="35" spans="1:7">
      <c r="A35" s="7">
        <v>33</v>
      </c>
      <c r="B35" s="8" t="s">
        <v>977</v>
      </c>
      <c r="C35" s="9" t="s">
        <v>1041</v>
      </c>
      <c r="D35" s="10" t="s">
        <v>1042</v>
      </c>
      <c r="E35" s="11" t="s">
        <v>1596</v>
      </c>
      <c r="F35" s="10"/>
      <c r="G35" s="12" t="s">
        <v>1669</v>
      </c>
    </row>
    <row r="36" spans="1:7">
      <c r="A36" s="7">
        <v>34</v>
      </c>
      <c r="B36" s="8" t="s">
        <v>977</v>
      </c>
      <c r="C36" s="9" t="s">
        <v>1508</v>
      </c>
      <c r="D36" s="10" t="s">
        <v>1043</v>
      </c>
      <c r="E36" s="11" t="s">
        <v>1597</v>
      </c>
      <c r="F36" s="10"/>
      <c r="G36" s="12" t="s">
        <v>1669</v>
      </c>
    </row>
    <row r="37" spans="1:7" ht="28.8">
      <c r="A37" s="7">
        <v>35</v>
      </c>
      <c r="B37" s="8" t="s">
        <v>977</v>
      </c>
      <c r="C37" s="9" t="s">
        <v>1509</v>
      </c>
      <c r="D37" s="10" t="s">
        <v>1044</v>
      </c>
      <c r="E37" s="11" t="s">
        <v>1598</v>
      </c>
      <c r="F37" s="10"/>
      <c r="G37" s="12" t="s">
        <v>1669</v>
      </c>
    </row>
    <row r="38" spans="1:7">
      <c r="A38" s="7">
        <v>36</v>
      </c>
      <c r="B38" s="8" t="s">
        <v>977</v>
      </c>
      <c r="C38" s="9" t="s">
        <v>1045</v>
      </c>
      <c r="D38" s="10" t="s">
        <v>1046</v>
      </c>
      <c r="E38" s="11" t="s">
        <v>1599</v>
      </c>
      <c r="F38" s="10"/>
      <c r="G38" s="12" t="s">
        <v>1669</v>
      </c>
    </row>
    <row r="39" spans="1:7">
      <c r="A39" s="7">
        <v>37</v>
      </c>
      <c r="B39" s="8" t="s">
        <v>977</v>
      </c>
      <c r="C39" s="9" t="s">
        <v>1047</v>
      </c>
      <c r="D39" s="10" t="s">
        <v>1048</v>
      </c>
      <c r="E39" s="11" t="s">
        <v>1600</v>
      </c>
      <c r="F39" s="10"/>
      <c r="G39" s="12" t="s">
        <v>1669</v>
      </c>
    </row>
    <row r="40" spans="1:7">
      <c r="A40" s="7">
        <v>38</v>
      </c>
      <c r="B40" s="8" t="s">
        <v>977</v>
      </c>
      <c r="C40" s="9" t="s">
        <v>1049</v>
      </c>
      <c r="D40" s="10" t="s">
        <v>1050</v>
      </c>
      <c r="E40" s="11" t="s">
        <v>1601</v>
      </c>
      <c r="F40" s="10"/>
      <c r="G40" s="12" t="s">
        <v>1669</v>
      </c>
    </row>
    <row r="41" spans="1:7">
      <c r="A41" s="7">
        <v>39</v>
      </c>
      <c r="B41" s="8" t="s">
        <v>977</v>
      </c>
      <c r="C41" s="9" t="s">
        <v>1051</v>
      </c>
      <c r="D41" s="10" t="s">
        <v>1052</v>
      </c>
      <c r="E41" s="11" t="s">
        <v>1602</v>
      </c>
      <c r="F41" s="10"/>
      <c r="G41" s="12" t="s">
        <v>1669</v>
      </c>
    </row>
    <row r="42" spans="1:7">
      <c r="A42" s="7">
        <v>40</v>
      </c>
      <c r="B42" s="8" t="s">
        <v>977</v>
      </c>
      <c r="C42" s="9" t="s">
        <v>1053</v>
      </c>
      <c r="D42" s="10" t="s">
        <v>1054</v>
      </c>
      <c r="E42" s="11" t="s">
        <v>1603</v>
      </c>
      <c r="F42" s="10"/>
      <c r="G42" s="12" t="s">
        <v>1669</v>
      </c>
    </row>
    <row r="43" spans="1:7">
      <c r="A43" s="7">
        <v>41</v>
      </c>
      <c r="B43" s="8" t="s">
        <v>977</v>
      </c>
      <c r="C43" s="9" t="s">
        <v>1055</v>
      </c>
      <c r="D43" s="10" t="s">
        <v>1056</v>
      </c>
      <c r="E43" s="11" t="s">
        <v>1604</v>
      </c>
      <c r="F43" s="10"/>
      <c r="G43" s="12" t="s">
        <v>1669</v>
      </c>
    </row>
    <row r="44" spans="1:7">
      <c r="A44" s="7">
        <v>42</v>
      </c>
      <c r="B44" s="8" t="s">
        <v>977</v>
      </c>
      <c r="C44" s="9" t="s">
        <v>1057</v>
      </c>
      <c r="D44" s="10" t="s">
        <v>1058</v>
      </c>
      <c r="E44" s="11" t="s">
        <v>1605</v>
      </c>
      <c r="F44" s="10"/>
      <c r="G44" s="12" t="s">
        <v>1669</v>
      </c>
    </row>
    <row r="45" spans="1:7">
      <c r="A45" s="7">
        <v>43</v>
      </c>
      <c r="B45" s="8" t="s">
        <v>977</v>
      </c>
      <c r="C45" s="9" t="s">
        <v>1510</v>
      </c>
      <c r="D45" s="10" t="s">
        <v>1059</v>
      </c>
      <c r="E45" s="11" t="s">
        <v>1606</v>
      </c>
      <c r="F45" s="10"/>
      <c r="G45" s="12" t="s">
        <v>1669</v>
      </c>
    </row>
    <row r="46" spans="1:7">
      <c r="A46" s="7">
        <v>44</v>
      </c>
      <c r="B46" s="8" t="s">
        <v>977</v>
      </c>
      <c r="C46" s="9" t="s">
        <v>1060</v>
      </c>
      <c r="D46" s="10" t="s">
        <v>1061</v>
      </c>
      <c r="E46" s="11" t="s">
        <v>1607</v>
      </c>
      <c r="F46" s="10"/>
      <c r="G46" s="12" t="s">
        <v>1669</v>
      </c>
    </row>
    <row r="47" spans="1:7">
      <c r="A47" s="7">
        <v>45</v>
      </c>
      <c r="B47" s="8" t="s">
        <v>977</v>
      </c>
      <c r="C47" s="9" t="s">
        <v>1062</v>
      </c>
      <c r="D47" s="10" t="s">
        <v>1063</v>
      </c>
      <c r="E47" s="11" t="s">
        <v>1608</v>
      </c>
      <c r="F47" s="10"/>
      <c r="G47" s="12" t="s">
        <v>1669</v>
      </c>
    </row>
    <row r="48" spans="1:7">
      <c r="A48" s="7">
        <v>46</v>
      </c>
      <c r="B48" s="8" t="s">
        <v>977</v>
      </c>
      <c r="C48" s="9" t="s">
        <v>1064</v>
      </c>
      <c r="D48" s="10" t="s">
        <v>1065</v>
      </c>
      <c r="E48" s="11" t="s">
        <v>1609</v>
      </c>
      <c r="F48" s="10"/>
      <c r="G48" s="12" t="s">
        <v>1669</v>
      </c>
    </row>
    <row r="49" spans="1:7">
      <c r="A49" s="7">
        <v>47</v>
      </c>
      <c r="B49" s="8" t="s">
        <v>977</v>
      </c>
      <c r="C49" s="9" t="s">
        <v>1066</v>
      </c>
      <c r="D49" s="10" t="s">
        <v>1067</v>
      </c>
      <c r="E49" s="11" t="s">
        <v>1610</v>
      </c>
      <c r="F49" s="10"/>
      <c r="G49" s="12" t="s">
        <v>1669</v>
      </c>
    </row>
    <row r="50" spans="1:7">
      <c r="A50" s="7">
        <v>48</v>
      </c>
      <c r="B50" s="8" t="s">
        <v>977</v>
      </c>
      <c r="C50" s="9" t="s">
        <v>1068</v>
      </c>
      <c r="D50" s="10" t="s">
        <v>1069</v>
      </c>
      <c r="E50" s="11" t="s">
        <v>1611</v>
      </c>
      <c r="F50" s="10"/>
      <c r="G50" s="12" t="s">
        <v>1669</v>
      </c>
    </row>
    <row r="51" spans="1:7">
      <c r="A51" s="7">
        <v>49</v>
      </c>
      <c r="B51" s="8" t="s">
        <v>977</v>
      </c>
      <c r="C51" s="9" t="s">
        <v>1070</v>
      </c>
      <c r="D51" s="10" t="s">
        <v>1071</v>
      </c>
      <c r="E51" s="11" t="s">
        <v>1729</v>
      </c>
      <c r="F51" s="10"/>
      <c r="G51" s="12" t="s">
        <v>1669</v>
      </c>
    </row>
    <row r="52" spans="1:7">
      <c r="A52" s="7">
        <v>50</v>
      </c>
      <c r="B52" s="8" t="s">
        <v>977</v>
      </c>
      <c r="C52" s="9" t="s">
        <v>1072</v>
      </c>
      <c r="D52" s="10" t="s">
        <v>1073</v>
      </c>
      <c r="E52" s="11" t="s">
        <v>1612</v>
      </c>
      <c r="F52" s="10"/>
      <c r="G52" s="12" t="s">
        <v>1669</v>
      </c>
    </row>
    <row r="53" spans="1:7">
      <c r="A53" s="7">
        <v>51</v>
      </c>
      <c r="B53" s="8" t="s">
        <v>977</v>
      </c>
      <c r="C53" s="9" t="s">
        <v>1074</v>
      </c>
      <c r="D53" s="10" t="s">
        <v>1075</v>
      </c>
      <c r="E53" s="11" t="s">
        <v>1613</v>
      </c>
      <c r="F53" s="10"/>
      <c r="G53" s="12" t="s">
        <v>1669</v>
      </c>
    </row>
    <row r="54" spans="1:7">
      <c r="A54" s="7">
        <v>52</v>
      </c>
      <c r="B54" s="8" t="s">
        <v>977</v>
      </c>
      <c r="C54" s="9" t="s">
        <v>1076</v>
      </c>
      <c r="D54" s="10" t="s">
        <v>1077</v>
      </c>
      <c r="E54" s="11" t="s">
        <v>1614</v>
      </c>
      <c r="F54" s="10"/>
      <c r="G54" s="12" t="s">
        <v>1669</v>
      </c>
    </row>
    <row r="55" spans="1:7">
      <c r="A55" s="7">
        <v>53</v>
      </c>
      <c r="B55" s="8" t="s">
        <v>977</v>
      </c>
      <c r="C55" s="9" t="s">
        <v>1078</v>
      </c>
      <c r="D55" s="10" t="s">
        <v>1079</v>
      </c>
      <c r="E55" s="11" t="s">
        <v>1730</v>
      </c>
      <c r="F55" s="10"/>
      <c r="G55" s="12" t="s">
        <v>1669</v>
      </c>
    </row>
    <row r="56" spans="1:7">
      <c r="A56" s="7">
        <v>54</v>
      </c>
      <c r="B56" s="8" t="s">
        <v>977</v>
      </c>
      <c r="C56" s="9" t="s">
        <v>1080</v>
      </c>
      <c r="D56" s="10" t="s">
        <v>1081</v>
      </c>
      <c r="E56" s="11" t="s">
        <v>1615</v>
      </c>
      <c r="F56" s="10"/>
      <c r="G56" s="12" t="s">
        <v>1669</v>
      </c>
    </row>
    <row r="57" spans="1:7">
      <c r="A57" s="7">
        <v>55</v>
      </c>
      <c r="B57" s="8" t="s">
        <v>977</v>
      </c>
      <c r="C57" s="9" t="s">
        <v>1082</v>
      </c>
      <c r="D57" s="10" t="s">
        <v>1083</v>
      </c>
      <c r="E57" s="11" t="s">
        <v>1616</v>
      </c>
      <c r="F57" s="10"/>
      <c r="G57" s="12" t="s">
        <v>1669</v>
      </c>
    </row>
    <row r="58" spans="1:7">
      <c r="A58" s="7">
        <v>56</v>
      </c>
      <c r="B58" s="8" t="s">
        <v>977</v>
      </c>
      <c r="C58" s="9" t="s">
        <v>1084</v>
      </c>
      <c r="D58" s="10" t="s">
        <v>1085</v>
      </c>
      <c r="E58" s="11" t="s">
        <v>1617</v>
      </c>
      <c r="F58" s="10"/>
      <c r="G58" s="12" t="s">
        <v>1669</v>
      </c>
    </row>
    <row r="59" spans="1:7">
      <c r="A59" s="7">
        <v>57</v>
      </c>
      <c r="B59" s="8" t="s">
        <v>977</v>
      </c>
      <c r="C59" s="9" t="s">
        <v>1086</v>
      </c>
      <c r="D59" s="10" t="s">
        <v>1087</v>
      </c>
      <c r="E59" s="11" t="s">
        <v>1618</v>
      </c>
      <c r="F59" s="10"/>
      <c r="G59" s="12" t="s">
        <v>1669</v>
      </c>
    </row>
    <row r="60" spans="1:7">
      <c r="A60" s="7">
        <v>58</v>
      </c>
      <c r="B60" s="8" t="s">
        <v>977</v>
      </c>
      <c r="C60" s="9" t="s">
        <v>1088</v>
      </c>
      <c r="D60" s="10" t="s">
        <v>1089</v>
      </c>
      <c r="E60" s="11" t="s">
        <v>1619</v>
      </c>
      <c r="F60" s="10"/>
      <c r="G60" s="12" t="s">
        <v>1669</v>
      </c>
    </row>
    <row r="61" spans="1:7">
      <c r="A61" s="7">
        <v>59</v>
      </c>
      <c r="B61" s="8" t="s">
        <v>977</v>
      </c>
      <c r="C61" s="9" t="s">
        <v>1090</v>
      </c>
      <c r="D61" s="10" t="s">
        <v>1091</v>
      </c>
      <c r="E61" s="11" t="s">
        <v>1620</v>
      </c>
      <c r="F61" s="10"/>
      <c r="G61" s="12" t="s">
        <v>1669</v>
      </c>
    </row>
    <row r="62" spans="1:7">
      <c r="A62" s="7">
        <v>60</v>
      </c>
      <c r="B62" s="8" t="s">
        <v>977</v>
      </c>
      <c r="C62" s="9" t="s">
        <v>1092</v>
      </c>
      <c r="D62" s="10" t="s">
        <v>1093</v>
      </c>
      <c r="E62" s="11" t="s">
        <v>1621</v>
      </c>
      <c r="F62" s="10"/>
      <c r="G62" s="12" t="s">
        <v>1669</v>
      </c>
    </row>
    <row r="63" spans="1:7">
      <c r="A63" s="7">
        <v>61</v>
      </c>
      <c r="B63" s="8" t="s">
        <v>977</v>
      </c>
      <c r="C63" s="9" t="s">
        <v>1094</v>
      </c>
      <c r="D63" s="10" t="s">
        <v>1095</v>
      </c>
      <c r="E63" s="11" t="s">
        <v>1622</v>
      </c>
      <c r="F63" s="10"/>
      <c r="G63" s="12" t="s">
        <v>1669</v>
      </c>
    </row>
    <row r="64" spans="1:7">
      <c r="A64" s="7">
        <v>62</v>
      </c>
      <c r="B64" s="8" t="s">
        <v>977</v>
      </c>
      <c r="C64" s="9" t="s">
        <v>1096</v>
      </c>
      <c r="D64" s="10" t="s">
        <v>1511</v>
      </c>
      <c r="E64" s="11" t="s">
        <v>1623</v>
      </c>
      <c r="F64" s="10"/>
      <c r="G64" s="12" t="s">
        <v>1669</v>
      </c>
    </row>
    <row r="65" spans="1:7">
      <c r="A65" s="7">
        <v>63</v>
      </c>
      <c r="B65" s="8" t="s">
        <v>977</v>
      </c>
      <c r="C65" s="9" t="s">
        <v>1097</v>
      </c>
      <c r="D65" s="10" t="s">
        <v>1098</v>
      </c>
      <c r="E65" s="11" t="s">
        <v>1624</v>
      </c>
      <c r="F65" s="10"/>
      <c r="G65" s="12" t="s">
        <v>1669</v>
      </c>
    </row>
    <row r="66" spans="1:7">
      <c r="A66" s="7">
        <v>64</v>
      </c>
      <c r="B66" s="8" t="s">
        <v>977</v>
      </c>
      <c r="C66" s="9" t="s">
        <v>1099</v>
      </c>
      <c r="D66" s="10" t="s">
        <v>1100</v>
      </c>
      <c r="E66" s="11" t="s">
        <v>1625</v>
      </c>
      <c r="F66" s="10"/>
      <c r="G66" s="12" t="s">
        <v>1669</v>
      </c>
    </row>
    <row r="67" spans="1:7">
      <c r="A67" s="7">
        <v>65</v>
      </c>
      <c r="B67" s="8" t="s">
        <v>977</v>
      </c>
      <c r="C67" s="9" t="s">
        <v>1101</v>
      </c>
      <c r="D67" s="10" t="s">
        <v>1102</v>
      </c>
      <c r="E67" s="11" t="s">
        <v>1626</v>
      </c>
      <c r="F67" s="10"/>
      <c r="G67" s="12" t="s">
        <v>1669</v>
      </c>
    </row>
    <row r="68" spans="1:7">
      <c r="A68" s="7">
        <v>66</v>
      </c>
      <c r="B68" s="8" t="s">
        <v>977</v>
      </c>
      <c r="C68" s="9" t="s">
        <v>1103</v>
      </c>
      <c r="D68" s="10" t="s">
        <v>1104</v>
      </c>
      <c r="E68" s="11" t="s">
        <v>1627</v>
      </c>
      <c r="F68" s="10"/>
      <c r="G68" s="12" t="s">
        <v>1669</v>
      </c>
    </row>
    <row r="69" spans="1:7">
      <c r="A69" s="7">
        <v>67</v>
      </c>
      <c r="B69" s="8" t="s">
        <v>977</v>
      </c>
      <c r="C69" s="9" t="s">
        <v>1105</v>
      </c>
      <c r="D69" s="10" t="s">
        <v>1106</v>
      </c>
      <c r="E69" s="11" t="s">
        <v>1628</v>
      </c>
      <c r="F69" s="10"/>
      <c r="G69" s="12" t="s">
        <v>1669</v>
      </c>
    </row>
    <row r="70" spans="1:7">
      <c r="A70" s="7">
        <v>68</v>
      </c>
      <c r="B70" s="8" t="s">
        <v>977</v>
      </c>
      <c r="C70" s="9" t="s">
        <v>1107</v>
      </c>
      <c r="D70" s="10" t="s">
        <v>1108</v>
      </c>
      <c r="E70" s="11" t="s">
        <v>1629</v>
      </c>
      <c r="F70" s="10"/>
      <c r="G70" s="12" t="s">
        <v>1669</v>
      </c>
    </row>
    <row r="71" spans="1:7">
      <c r="A71" s="7">
        <v>69</v>
      </c>
      <c r="B71" s="8" t="s">
        <v>977</v>
      </c>
      <c r="C71" s="9" t="s">
        <v>1109</v>
      </c>
      <c r="D71" s="10" t="s">
        <v>1110</v>
      </c>
      <c r="E71" s="11" t="s">
        <v>1630</v>
      </c>
      <c r="F71" s="10"/>
      <c r="G71" s="12" t="s">
        <v>1669</v>
      </c>
    </row>
    <row r="72" spans="1:7">
      <c r="A72" s="7">
        <v>70</v>
      </c>
      <c r="B72" s="8" t="s">
        <v>977</v>
      </c>
      <c r="C72" s="9" t="s">
        <v>1111</v>
      </c>
      <c r="D72" s="10" t="s">
        <v>1112</v>
      </c>
      <c r="E72" s="11" t="s">
        <v>1631</v>
      </c>
      <c r="F72" s="10"/>
      <c r="G72" s="12" t="s">
        <v>1669</v>
      </c>
    </row>
    <row r="73" spans="1:7">
      <c r="A73" s="7">
        <v>71</v>
      </c>
      <c r="B73" s="8" t="s">
        <v>977</v>
      </c>
      <c r="C73" s="9" t="s">
        <v>1113</v>
      </c>
      <c r="D73" s="10" t="s">
        <v>1114</v>
      </c>
      <c r="E73" s="11" t="s">
        <v>1632</v>
      </c>
      <c r="F73" s="10"/>
      <c r="G73" s="12" t="s">
        <v>1669</v>
      </c>
    </row>
    <row r="74" spans="1:7">
      <c r="A74" s="7">
        <v>72</v>
      </c>
      <c r="B74" s="8" t="s">
        <v>977</v>
      </c>
      <c r="C74" s="9" t="s">
        <v>1115</v>
      </c>
      <c r="D74" s="10" t="s">
        <v>1116</v>
      </c>
      <c r="E74" s="11" t="s">
        <v>1633</v>
      </c>
      <c r="F74" s="10"/>
      <c r="G74" s="12" t="s">
        <v>1669</v>
      </c>
    </row>
    <row r="75" spans="1:7">
      <c r="A75" s="7">
        <v>73</v>
      </c>
      <c r="B75" s="8" t="s">
        <v>977</v>
      </c>
      <c r="C75" s="9" t="s">
        <v>1117</v>
      </c>
      <c r="D75" s="10" t="s">
        <v>1118</v>
      </c>
      <c r="E75" s="11" t="s">
        <v>1634</v>
      </c>
      <c r="F75" s="10"/>
      <c r="G75" s="12" t="s">
        <v>1669</v>
      </c>
    </row>
    <row r="76" spans="1:7">
      <c r="A76" s="7">
        <v>74</v>
      </c>
      <c r="B76" s="8" t="s">
        <v>977</v>
      </c>
      <c r="C76" s="9" t="s">
        <v>1119</v>
      </c>
      <c r="D76" s="10" t="s">
        <v>1120</v>
      </c>
      <c r="E76" s="11" t="s">
        <v>1635</v>
      </c>
      <c r="F76" s="10"/>
      <c r="G76" s="12" t="s">
        <v>1669</v>
      </c>
    </row>
    <row r="77" spans="1:7">
      <c r="A77" s="7">
        <v>75</v>
      </c>
      <c r="B77" s="8" t="s">
        <v>977</v>
      </c>
      <c r="C77" s="9" t="s">
        <v>1121</v>
      </c>
      <c r="D77" s="10" t="s">
        <v>1122</v>
      </c>
      <c r="E77" s="11" t="s">
        <v>1636</v>
      </c>
      <c r="F77" s="10"/>
      <c r="G77" s="12" t="s">
        <v>1669</v>
      </c>
    </row>
    <row r="78" spans="1:7">
      <c r="A78" s="7">
        <v>76</v>
      </c>
      <c r="B78" s="8" t="s">
        <v>977</v>
      </c>
      <c r="C78" s="9" t="s">
        <v>1123</v>
      </c>
      <c r="D78" s="10" t="s">
        <v>1124</v>
      </c>
      <c r="E78" s="11" t="s">
        <v>1637</v>
      </c>
      <c r="F78" s="10"/>
      <c r="G78" s="12" t="s">
        <v>1669</v>
      </c>
    </row>
    <row r="79" spans="1:7">
      <c r="A79" s="7">
        <v>77</v>
      </c>
      <c r="B79" s="8" t="s">
        <v>977</v>
      </c>
      <c r="C79" s="9" t="s">
        <v>1125</v>
      </c>
      <c r="D79" s="10" t="s">
        <v>1126</v>
      </c>
      <c r="E79" s="11" t="s">
        <v>1638</v>
      </c>
      <c r="F79" s="10"/>
      <c r="G79" s="12" t="s">
        <v>1669</v>
      </c>
    </row>
    <row r="80" spans="1:7">
      <c r="A80" s="7">
        <v>78</v>
      </c>
      <c r="B80" s="8" t="s">
        <v>977</v>
      </c>
      <c r="C80" s="9" t="s">
        <v>1127</v>
      </c>
      <c r="D80" s="10" t="s">
        <v>1731</v>
      </c>
      <c r="E80" s="11" t="s">
        <v>1639</v>
      </c>
      <c r="F80" s="10"/>
      <c r="G80" s="12" t="s">
        <v>1669</v>
      </c>
    </row>
    <row r="81" spans="1:7">
      <c r="A81" s="7">
        <v>79</v>
      </c>
      <c r="B81" s="8" t="s">
        <v>977</v>
      </c>
      <c r="C81" s="9" t="s">
        <v>1128</v>
      </c>
      <c r="D81" s="10" t="s">
        <v>1129</v>
      </c>
      <c r="E81" s="11" t="s">
        <v>1640</v>
      </c>
      <c r="F81" s="10"/>
      <c r="G81" s="12" t="s">
        <v>1669</v>
      </c>
    </row>
    <row r="82" spans="1:7">
      <c r="A82" s="7">
        <v>80</v>
      </c>
      <c r="B82" s="8" t="s">
        <v>977</v>
      </c>
      <c r="C82" s="9" t="s">
        <v>1512</v>
      </c>
      <c r="D82" s="10" t="s">
        <v>1130</v>
      </c>
      <c r="E82" s="11" t="s">
        <v>1641</v>
      </c>
      <c r="F82" s="10"/>
      <c r="G82" s="12" t="s">
        <v>1669</v>
      </c>
    </row>
    <row r="83" spans="1:7">
      <c r="A83" s="7">
        <v>81</v>
      </c>
      <c r="B83" s="8" t="s">
        <v>977</v>
      </c>
      <c r="C83" s="9" t="s">
        <v>1131</v>
      </c>
      <c r="D83" s="10" t="s">
        <v>1132</v>
      </c>
      <c r="E83" s="11" t="s">
        <v>1642</v>
      </c>
      <c r="F83" s="10"/>
      <c r="G83" s="12" t="s">
        <v>1669</v>
      </c>
    </row>
    <row r="84" spans="1:7">
      <c r="A84" s="7">
        <v>82</v>
      </c>
      <c r="B84" s="8" t="s">
        <v>977</v>
      </c>
      <c r="C84" s="13" t="s">
        <v>1370</v>
      </c>
      <c r="D84" s="10" t="s">
        <v>1359</v>
      </c>
      <c r="E84" s="10" t="s">
        <v>1643</v>
      </c>
      <c r="F84" s="10"/>
      <c r="G84" s="12" t="s">
        <v>1669</v>
      </c>
    </row>
    <row r="85" spans="1:7">
      <c r="A85" s="7">
        <v>83</v>
      </c>
      <c r="B85" s="8" t="s">
        <v>977</v>
      </c>
      <c r="C85" s="13" t="s">
        <v>1360</v>
      </c>
      <c r="D85" s="10" t="s">
        <v>1361</v>
      </c>
      <c r="E85" s="10" t="s">
        <v>1644</v>
      </c>
      <c r="F85" s="10"/>
      <c r="G85" s="12" t="s">
        <v>1669</v>
      </c>
    </row>
    <row r="86" spans="1:7">
      <c r="A86" s="7">
        <v>84</v>
      </c>
      <c r="B86" s="8" t="s">
        <v>977</v>
      </c>
      <c r="C86" s="13" t="s">
        <v>1362</v>
      </c>
      <c r="D86" s="10" t="s">
        <v>1363</v>
      </c>
      <c r="E86" s="10" t="s">
        <v>1645</v>
      </c>
      <c r="F86" s="10"/>
      <c r="G86" s="12" t="s">
        <v>1669</v>
      </c>
    </row>
    <row r="87" spans="1:7">
      <c r="A87" s="7">
        <v>85</v>
      </c>
      <c r="B87" s="8" t="s">
        <v>977</v>
      </c>
      <c r="C87" s="13" t="s">
        <v>1364</v>
      </c>
      <c r="D87" s="10" t="s">
        <v>1365</v>
      </c>
      <c r="E87" s="10" t="s">
        <v>1646</v>
      </c>
      <c r="F87" s="10"/>
      <c r="G87" s="12" t="s">
        <v>1669</v>
      </c>
    </row>
    <row r="88" spans="1:7">
      <c r="A88" s="7">
        <v>86</v>
      </c>
      <c r="B88" s="8" t="s">
        <v>977</v>
      </c>
      <c r="C88" s="13" t="s">
        <v>1366</v>
      </c>
      <c r="D88" s="10" t="s">
        <v>1367</v>
      </c>
      <c r="E88" s="10" t="s">
        <v>1647</v>
      </c>
      <c r="F88" s="10"/>
      <c r="G88" s="12" t="s">
        <v>1669</v>
      </c>
    </row>
    <row r="89" spans="1:7">
      <c r="A89" s="7">
        <v>87</v>
      </c>
      <c r="B89" s="8" t="s">
        <v>977</v>
      </c>
      <c r="C89" s="13" t="s">
        <v>1368</v>
      </c>
      <c r="D89" s="10" t="s">
        <v>1369</v>
      </c>
      <c r="E89" s="10" t="s">
        <v>1648</v>
      </c>
      <c r="F89" s="10"/>
      <c r="G89" s="12" t="s">
        <v>1669</v>
      </c>
    </row>
    <row r="90" spans="1:7">
      <c r="A90" s="7">
        <v>88</v>
      </c>
      <c r="B90" s="8" t="s">
        <v>977</v>
      </c>
      <c r="C90" s="8" t="s">
        <v>1685</v>
      </c>
      <c r="D90" s="8" t="s">
        <v>1686</v>
      </c>
      <c r="E90" s="8" t="s">
        <v>1687</v>
      </c>
      <c r="F90" s="8"/>
      <c r="G90" s="12"/>
    </row>
    <row r="91" spans="1:7">
      <c r="A91" s="7">
        <v>89</v>
      </c>
      <c r="B91" s="12" t="s">
        <v>977</v>
      </c>
      <c r="C91" s="12" t="s">
        <v>1732</v>
      </c>
      <c r="D91" s="12" t="s">
        <v>1733</v>
      </c>
      <c r="E91" s="12" t="s">
        <v>1734</v>
      </c>
      <c r="F91" s="12"/>
      <c r="G91" s="12" t="s">
        <v>1676</v>
      </c>
    </row>
    <row r="92" spans="1:7">
      <c r="A92" s="7">
        <v>90</v>
      </c>
      <c r="B92" s="8" t="s">
        <v>451</v>
      </c>
      <c r="C92" s="14" t="s">
        <v>452</v>
      </c>
      <c r="D92" s="14" t="s">
        <v>672</v>
      </c>
      <c r="E92" s="8" t="s">
        <v>453</v>
      </c>
      <c r="F92" s="8"/>
      <c r="G92" s="12"/>
    </row>
    <row r="93" spans="1:7">
      <c r="A93" s="7">
        <v>91</v>
      </c>
      <c r="B93" s="8" t="s">
        <v>451</v>
      </c>
      <c r="C93" s="14" t="s">
        <v>454</v>
      </c>
      <c r="D93" s="15" t="s">
        <v>673</v>
      </c>
      <c r="E93" s="8" t="s">
        <v>455</v>
      </c>
      <c r="F93" s="8"/>
      <c r="G93" s="12"/>
    </row>
    <row r="94" spans="1:7">
      <c r="A94" s="7">
        <v>92</v>
      </c>
      <c r="B94" s="8" t="s">
        <v>451</v>
      </c>
      <c r="C94" s="14" t="s">
        <v>456</v>
      </c>
      <c r="D94" s="15" t="s">
        <v>674</v>
      </c>
      <c r="E94" s="8" t="s">
        <v>457</v>
      </c>
      <c r="F94" s="8"/>
      <c r="G94" s="12"/>
    </row>
    <row r="95" spans="1:7">
      <c r="A95" s="7">
        <v>93</v>
      </c>
      <c r="B95" s="8" t="s">
        <v>451</v>
      </c>
      <c r="C95" s="14" t="s">
        <v>458</v>
      </c>
      <c r="D95" s="15" t="s">
        <v>675</v>
      </c>
      <c r="E95" s="8" t="s">
        <v>459</v>
      </c>
      <c r="F95" s="8"/>
      <c r="G95" s="12"/>
    </row>
    <row r="96" spans="1:7">
      <c r="A96" s="7">
        <v>94</v>
      </c>
      <c r="B96" s="8" t="s">
        <v>451</v>
      </c>
      <c r="C96" s="14" t="s">
        <v>460</v>
      </c>
      <c r="D96" s="15" t="s">
        <v>676</v>
      </c>
      <c r="E96" s="8" t="s">
        <v>461</v>
      </c>
      <c r="F96" s="8"/>
      <c r="G96" s="12"/>
    </row>
    <row r="97" spans="1:7">
      <c r="A97" s="7">
        <v>95</v>
      </c>
      <c r="B97" s="8" t="s">
        <v>451</v>
      </c>
      <c r="C97" s="14" t="s">
        <v>462</v>
      </c>
      <c r="D97" s="15" t="s">
        <v>677</v>
      </c>
      <c r="E97" s="8" t="s">
        <v>463</v>
      </c>
      <c r="F97" s="8"/>
      <c r="G97" s="12"/>
    </row>
    <row r="98" spans="1:7">
      <c r="A98" s="7">
        <v>96</v>
      </c>
      <c r="B98" s="8" t="s">
        <v>451</v>
      </c>
      <c r="C98" s="14" t="s">
        <v>464</v>
      </c>
      <c r="D98" s="15" t="s">
        <v>678</v>
      </c>
      <c r="E98" s="8" t="s">
        <v>465</v>
      </c>
      <c r="F98" s="8"/>
      <c r="G98" s="12"/>
    </row>
    <row r="99" spans="1:7">
      <c r="A99" s="7">
        <v>97</v>
      </c>
      <c r="B99" s="8" t="s">
        <v>451</v>
      </c>
      <c r="C99" s="14" t="s">
        <v>466</v>
      </c>
      <c r="D99" s="15" t="s">
        <v>679</v>
      </c>
      <c r="E99" s="8" t="s">
        <v>467</v>
      </c>
      <c r="F99" s="8"/>
      <c r="G99" s="12"/>
    </row>
    <row r="100" spans="1:7">
      <c r="A100" s="7">
        <v>98</v>
      </c>
      <c r="B100" s="8" t="s">
        <v>451</v>
      </c>
      <c r="C100" s="14" t="s">
        <v>468</v>
      </c>
      <c r="D100" s="15" t="s">
        <v>680</v>
      </c>
      <c r="E100" s="8" t="s">
        <v>469</v>
      </c>
      <c r="F100" s="8"/>
      <c r="G100" s="12"/>
    </row>
    <row r="101" spans="1:7">
      <c r="A101" s="7">
        <v>99</v>
      </c>
      <c r="B101" s="8" t="s">
        <v>451</v>
      </c>
      <c r="C101" s="14" t="s">
        <v>470</v>
      </c>
      <c r="D101" s="15" t="s">
        <v>681</v>
      </c>
      <c r="E101" s="8" t="s">
        <v>471</v>
      </c>
      <c r="F101" s="8"/>
      <c r="G101" s="12"/>
    </row>
    <row r="102" spans="1:7" ht="28.8">
      <c r="A102" s="7">
        <v>100</v>
      </c>
      <c r="B102" s="8" t="s">
        <v>451</v>
      </c>
      <c r="C102" s="16" t="s">
        <v>1513</v>
      </c>
      <c r="D102" s="17" t="s">
        <v>682</v>
      </c>
      <c r="E102" s="8" t="s">
        <v>472</v>
      </c>
      <c r="F102" s="8"/>
      <c r="G102" s="12"/>
    </row>
    <row r="103" spans="1:7">
      <c r="A103" s="7">
        <v>101</v>
      </c>
      <c r="B103" s="8" t="s">
        <v>451</v>
      </c>
      <c r="C103" s="17" t="s">
        <v>667</v>
      </c>
      <c r="D103" s="17" t="s">
        <v>683</v>
      </c>
      <c r="E103" s="8" t="s">
        <v>473</v>
      </c>
      <c r="F103" s="8"/>
      <c r="G103" s="12"/>
    </row>
    <row r="104" spans="1:7">
      <c r="A104" s="7">
        <v>102</v>
      </c>
      <c r="B104" s="8" t="s">
        <v>451</v>
      </c>
      <c r="C104" s="17" t="s">
        <v>668</v>
      </c>
      <c r="D104" s="17" t="s">
        <v>684</v>
      </c>
      <c r="E104" s="8" t="s">
        <v>474</v>
      </c>
      <c r="F104" s="8"/>
      <c r="G104" s="12"/>
    </row>
    <row r="105" spans="1:7">
      <c r="A105" s="7">
        <v>103</v>
      </c>
      <c r="B105" s="8" t="s">
        <v>451</v>
      </c>
      <c r="C105" s="17" t="s">
        <v>669</v>
      </c>
      <c r="D105" s="17" t="s">
        <v>685</v>
      </c>
      <c r="E105" s="8" t="s">
        <v>475</v>
      </c>
      <c r="F105" s="8"/>
      <c r="G105" s="12"/>
    </row>
    <row r="106" spans="1:7">
      <c r="A106" s="7">
        <v>104</v>
      </c>
      <c r="B106" s="8" t="s">
        <v>451</v>
      </c>
      <c r="C106" s="17" t="s">
        <v>476</v>
      </c>
      <c r="D106" s="17" t="s">
        <v>1713</v>
      </c>
      <c r="E106" s="8" t="s">
        <v>1714</v>
      </c>
      <c r="F106" s="8"/>
      <c r="G106" s="12"/>
    </row>
    <row r="107" spans="1:7">
      <c r="A107" s="7">
        <v>105</v>
      </c>
      <c r="B107" s="8" t="s">
        <v>451</v>
      </c>
      <c r="C107" s="17" t="s">
        <v>477</v>
      </c>
      <c r="D107" s="17" t="s">
        <v>686</v>
      </c>
      <c r="E107" s="8" t="s">
        <v>478</v>
      </c>
      <c r="F107" s="8"/>
      <c r="G107" s="12"/>
    </row>
    <row r="108" spans="1:7" ht="28.8">
      <c r="A108" s="7">
        <v>106</v>
      </c>
      <c r="B108" s="8" t="s">
        <v>451</v>
      </c>
      <c r="C108" s="16" t="s">
        <v>1514</v>
      </c>
      <c r="D108" s="17" t="s">
        <v>687</v>
      </c>
      <c r="E108" s="8" t="s">
        <v>479</v>
      </c>
      <c r="F108" s="8"/>
      <c r="G108" s="12"/>
    </row>
    <row r="109" spans="1:7">
      <c r="A109" s="7">
        <v>107</v>
      </c>
      <c r="B109" s="8" t="s">
        <v>451</v>
      </c>
      <c r="C109" s="17" t="s">
        <v>1670</v>
      </c>
      <c r="D109" s="17" t="s">
        <v>688</v>
      </c>
      <c r="E109" s="8" t="s">
        <v>480</v>
      </c>
      <c r="F109" s="8"/>
      <c r="G109" s="12" t="s">
        <v>1669</v>
      </c>
    </row>
    <row r="110" spans="1:7" ht="28.8">
      <c r="A110" s="7">
        <v>108</v>
      </c>
      <c r="B110" s="8" t="s">
        <v>451</v>
      </c>
      <c r="C110" s="16" t="s">
        <v>1515</v>
      </c>
      <c r="D110" s="17" t="s">
        <v>689</v>
      </c>
      <c r="E110" s="8" t="s">
        <v>481</v>
      </c>
      <c r="F110" s="8"/>
      <c r="G110" s="12"/>
    </row>
    <row r="111" spans="1:7" ht="28.8">
      <c r="A111" s="7">
        <v>109</v>
      </c>
      <c r="B111" s="8" t="s">
        <v>451</v>
      </c>
      <c r="C111" s="16" t="s">
        <v>1516</v>
      </c>
      <c r="D111" s="17" t="s">
        <v>690</v>
      </c>
      <c r="E111" s="8" t="s">
        <v>482</v>
      </c>
      <c r="F111" s="8"/>
      <c r="G111" s="12"/>
    </row>
    <row r="112" spans="1:7" ht="28.8">
      <c r="A112" s="7">
        <v>110</v>
      </c>
      <c r="B112" s="8" t="s">
        <v>451</v>
      </c>
      <c r="C112" s="16" t="s">
        <v>1517</v>
      </c>
      <c r="D112" s="17" t="s">
        <v>691</v>
      </c>
      <c r="E112" s="8" t="s">
        <v>483</v>
      </c>
      <c r="F112" s="8"/>
      <c r="G112" s="12"/>
    </row>
    <row r="113" spans="1:7" ht="28.8">
      <c r="A113" s="7">
        <v>111</v>
      </c>
      <c r="B113" s="8" t="s">
        <v>451</v>
      </c>
      <c r="C113" s="16" t="s">
        <v>1518</v>
      </c>
      <c r="D113" s="17" t="s">
        <v>692</v>
      </c>
      <c r="E113" s="8" t="s">
        <v>484</v>
      </c>
      <c r="F113" s="8"/>
      <c r="G113" s="12"/>
    </row>
    <row r="114" spans="1:7" ht="28.8">
      <c r="A114" s="7">
        <v>112</v>
      </c>
      <c r="B114" s="8" t="s">
        <v>451</v>
      </c>
      <c r="C114" s="16" t="s">
        <v>1519</v>
      </c>
      <c r="D114" s="17" t="s">
        <v>693</v>
      </c>
      <c r="E114" s="8" t="s">
        <v>485</v>
      </c>
      <c r="F114" s="8"/>
      <c r="G114" s="12"/>
    </row>
    <row r="115" spans="1:7">
      <c r="A115" s="7">
        <v>113</v>
      </c>
      <c r="B115" s="8" t="s">
        <v>451</v>
      </c>
      <c r="C115" s="17" t="s">
        <v>670</v>
      </c>
      <c r="D115" s="17" t="s">
        <v>694</v>
      </c>
      <c r="E115" s="8" t="s">
        <v>486</v>
      </c>
      <c r="F115" s="8"/>
      <c r="G115" s="12"/>
    </row>
    <row r="116" spans="1:7" ht="28.8">
      <c r="A116" s="7">
        <v>114</v>
      </c>
      <c r="B116" s="8" t="s">
        <v>451</v>
      </c>
      <c r="C116" s="16" t="s">
        <v>1520</v>
      </c>
      <c r="D116" s="17" t="s">
        <v>695</v>
      </c>
      <c r="E116" s="8" t="s">
        <v>487</v>
      </c>
      <c r="F116" s="8"/>
      <c r="G116" s="12"/>
    </row>
    <row r="117" spans="1:7">
      <c r="A117" s="7">
        <v>115</v>
      </c>
      <c r="B117" s="8" t="s">
        <v>451</v>
      </c>
      <c r="C117" s="17" t="s">
        <v>488</v>
      </c>
      <c r="D117" s="17" t="s">
        <v>696</v>
      </c>
      <c r="E117" s="8" t="s">
        <v>489</v>
      </c>
      <c r="F117" s="8"/>
      <c r="G117" s="12"/>
    </row>
    <row r="118" spans="1:7">
      <c r="A118" s="7">
        <v>116</v>
      </c>
      <c r="B118" s="8" t="s">
        <v>451</v>
      </c>
      <c r="C118" s="17" t="s">
        <v>490</v>
      </c>
      <c r="D118" s="17" t="s">
        <v>697</v>
      </c>
      <c r="E118" s="8" t="s">
        <v>491</v>
      </c>
      <c r="F118" s="8"/>
      <c r="G118" s="12"/>
    </row>
    <row r="119" spans="1:7">
      <c r="A119" s="7">
        <v>117</v>
      </c>
      <c r="B119" s="8" t="s">
        <v>451</v>
      </c>
      <c r="C119" s="17" t="s">
        <v>492</v>
      </c>
      <c r="D119" s="17" t="s">
        <v>698</v>
      </c>
      <c r="E119" s="8" t="s">
        <v>493</v>
      </c>
      <c r="F119" s="8"/>
      <c r="G119" s="12"/>
    </row>
    <row r="120" spans="1:7" ht="28.8">
      <c r="A120" s="7">
        <v>118</v>
      </c>
      <c r="B120" s="8" t="s">
        <v>451</v>
      </c>
      <c r="C120" s="16" t="s">
        <v>1521</v>
      </c>
      <c r="D120" s="17" t="s">
        <v>699</v>
      </c>
      <c r="E120" s="8" t="s">
        <v>494</v>
      </c>
      <c r="F120" s="8"/>
      <c r="G120" s="12"/>
    </row>
    <row r="121" spans="1:7" ht="28.8">
      <c r="A121" s="7">
        <v>119</v>
      </c>
      <c r="B121" s="8" t="s">
        <v>451</v>
      </c>
      <c r="C121" s="16" t="s">
        <v>1522</v>
      </c>
      <c r="D121" s="17" t="s">
        <v>700</v>
      </c>
      <c r="E121" s="8" t="s">
        <v>495</v>
      </c>
      <c r="F121" s="8"/>
      <c r="G121" s="12"/>
    </row>
    <row r="122" spans="1:7">
      <c r="A122" s="7">
        <v>120</v>
      </c>
      <c r="B122" s="8" t="s">
        <v>451</v>
      </c>
      <c r="C122" s="17" t="s">
        <v>496</v>
      </c>
      <c r="D122" s="17" t="s">
        <v>701</v>
      </c>
      <c r="E122" s="8" t="s">
        <v>497</v>
      </c>
      <c r="F122" s="8"/>
      <c r="G122" s="12"/>
    </row>
    <row r="123" spans="1:7" ht="28.8">
      <c r="A123" s="7">
        <v>121</v>
      </c>
      <c r="B123" s="8" t="s">
        <v>451</v>
      </c>
      <c r="C123" s="16" t="s">
        <v>1523</v>
      </c>
      <c r="D123" s="17" t="s">
        <v>702</v>
      </c>
      <c r="E123" s="8" t="s">
        <v>498</v>
      </c>
      <c r="F123" s="8"/>
      <c r="G123" s="12"/>
    </row>
    <row r="124" spans="1:7" ht="28.8">
      <c r="A124" s="7">
        <v>122</v>
      </c>
      <c r="B124" s="8" t="s">
        <v>451</v>
      </c>
      <c r="C124" s="16" t="s">
        <v>1524</v>
      </c>
      <c r="D124" s="17" t="s">
        <v>703</v>
      </c>
      <c r="E124" s="8" t="s">
        <v>499</v>
      </c>
      <c r="F124" s="8"/>
      <c r="G124" s="12"/>
    </row>
    <row r="125" spans="1:7">
      <c r="A125" s="7">
        <v>123</v>
      </c>
      <c r="B125" s="8" t="s">
        <v>451</v>
      </c>
      <c r="C125" s="17" t="s">
        <v>500</v>
      </c>
      <c r="D125" s="17" t="s">
        <v>704</v>
      </c>
      <c r="E125" s="8" t="s">
        <v>501</v>
      </c>
      <c r="F125" s="8"/>
      <c r="G125" s="12"/>
    </row>
    <row r="126" spans="1:7" ht="28.8">
      <c r="A126" s="7">
        <v>124</v>
      </c>
      <c r="B126" s="8" t="s">
        <v>451</v>
      </c>
      <c r="C126" s="16" t="s">
        <v>1525</v>
      </c>
      <c r="D126" s="17" t="s">
        <v>705</v>
      </c>
      <c r="E126" s="8" t="s">
        <v>502</v>
      </c>
      <c r="F126" s="8"/>
      <c r="G126" s="12"/>
    </row>
    <row r="127" spans="1:7" ht="28.8">
      <c r="A127" s="7">
        <v>125</v>
      </c>
      <c r="B127" s="8" t="s">
        <v>451</v>
      </c>
      <c r="C127" s="16" t="s">
        <v>1526</v>
      </c>
      <c r="D127" s="17" t="s">
        <v>706</v>
      </c>
      <c r="E127" s="8" t="s">
        <v>503</v>
      </c>
      <c r="F127" s="8"/>
      <c r="G127" s="12"/>
    </row>
    <row r="128" spans="1:7">
      <c r="A128" s="7">
        <v>126</v>
      </c>
      <c r="B128" s="8" t="s">
        <v>451</v>
      </c>
      <c r="C128" s="17" t="s">
        <v>504</v>
      </c>
      <c r="D128" s="17" t="s">
        <v>707</v>
      </c>
      <c r="E128" s="8" t="s">
        <v>505</v>
      </c>
      <c r="F128" s="8"/>
      <c r="G128" s="12"/>
    </row>
    <row r="129" spans="1:7">
      <c r="A129" s="7">
        <v>127</v>
      </c>
      <c r="B129" s="8" t="s">
        <v>451</v>
      </c>
      <c r="C129" s="17" t="s">
        <v>506</v>
      </c>
      <c r="D129" s="17" t="s">
        <v>708</v>
      </c>
      <c r="E129" s="8" t="s">
        <v>507</v>
      </c>
      <c r="F129" s="8"/>
      <c r="G129" s="12"/>
    </row>
    <row r="130" spans="1:7">
      <c r="A130" s="7">
        <v>128</v>
      </c>
      <c r="B130" s="8" t="s">
        <v>451</v>
      </c>
      <c r="C130" s="17" t="s">
        <v>508</v>
      </c>
      <c r="D130" s="17" t="s">
        <v>709</v>
      </c>
      <c r="E130" s="8" t="s">
        <v>509</v>
      </c>
      <c r="F130" s="8"/>
      <c r="G130" s="12"/>
    </row>
    <row r="131" spans="1:7">
      <c r="A131" s="7">
        <v>129</v>
      </c>
      <c r="B131" s="8" t="s">
        <v>451</v>
      </c>
      <c r="C131" s="17" t="s">
        <v>510</v>
      </c>
      <c r="D131" s="17" t="s">
        <v>710</v>
      </c>
      <c r="E131" s="8" t="s">
        <v>511</v>
      </c>
      <c r="F131" s="8"/>
      <c r="G131" s="12"/>
    </row>
    <row r="132" spans="1:7">
      <c r="A132" s="7">
        <v>130</v>
      </c>
      <c r="B132" s="8" t="s">
        <v>451</v>
      </c>
      <c r="C132" s="17" t="s">
        <v>512</v>
      </c>
      <c r="D132" s="17" t="s">
        <v>711</v>
      </c>
      <c r="E132" s="8" t="s">
        <v>513</v>
      </c>
      <c r="F132" s="8"/>
      <c r="G132" s="12"/>
    </row>
    <row r="133" spans="1:7">
      <c r="A133" s="7">
        <v>131</v>
      </c>
      <c r="B133" s="8" t="s">
        <v>451</v>
      </c>
      <c r="C133" s="17" t="s">
        <v>514</v>
      </c>
      <c r="D133" s="17" t="s">
        <v>712</v>
      </c>
      <c r="E133" s="8" t="s">
        <v>515</v>
      </c>
      <c r="F133" s="8"/>
      <c r="G133" s="12"/>
    </row>
    <row r="134" spans="1:7">
      <c r="A134" s="7">
        <v>132</v>
      </c>
      <c r="B134" s="8" t="s">
        <v>451</v>
      </c>
      <c r="C134" s="17" t="s">
        <v>516</v>
      </c>
      <c r="D134" s="17" t="s">
        <v>713</v>
      </c>
      <c r="E134" s="8" t="s">
        <v>517</v>
      </c>
      <c r="F134" s="8"/>
      <c r="G134" s="12"/>
    </row>
    <row r="135" spans="1:7">
      <c r="A135" s="7">
        <v>133</v>
      </c>
      <c r="B135" s="8" t="s">
        <v>451</v>
      </c>
      <c r="C135" s="17" t="s">
        <v>518</v>
      </c>
      <c r="D135" s="17" t="s">
        <v>714</v>
      </c>
      <c r="E135" s="8" t="s">
        <v>519</v>
      </c>
      <c r="F135" s="8"/>
      <c r="G135" s="12"/>
    </row>
    <row r="136" spans="1:7">
      <c r="A136" s="7">
        <v>134</v>
      </c>
      <c r="B136" s="8" t="s">
        <v>451</v>
      </c>
      <c r="C136" s="17" t="s">
        <v>520</v>
      </c>
      <c r="D136" s="17" t="s">
        <v>715</v>
      </c>
      <c r="E136" s="8" t="s">
        <v>521</v>
      </c>
      <c r="F136" s="8"/>
      <c r="G136" s="12"/>
    </row>
    <row r="137" spans="1:7">
      <c r="A137" s="7">
        <v>135</v>
      </c>
      <c r="B137" s="8" t="s">
        <v>451</v>
      </c>
      <c r="C137" s="17" t="s">
        <v>1715</v>
      </c>
      <c r="D137" s="17" t="s">
        <v>716</v>
      </c>
      <c r="E137" s="8" t="s">
        <v>522</v>
      </c>
      <c r="F137" s="8"/>
      <c r="G137" s="12"/>
    </row>
    <row r="138" spans="1:7">
      <c r="A138" s="7">
        <v>136</v>
      </c>
      <c r="B138" s="8" t="s">
        <v>451</v>
      </c>
      <c r="C138" s="17" t="s">
        <v>523</v>
      </c>
      <c r="D138" s="17" t="s">
        <v>717</v>
      </c>
      <c r="E138" s="8" t="s">
        <v>524</v>
      </c>
      <c r="F138" s="8"/>
      <c r="G138" s="12"/>
    </row>
    <row r="139" spans="1:7">
      <c r="A139" s="7">
        <v>137</v>
      </c>
      <c r="B139" s="8" t="s">
        <v>451</v>
      </c>
      <c r="C139" s="17" t="s">
        <v>525</v>
      </c>
      <c r="D139" s="17" t="s">
        <v>718</v>
      </c>
      <c r="E139" s="8" t="s">
        <v>526</v>
      </c>
      <c r="F139" s="8"/>
      <c r="G139" s="12"/>
    </row>
    <row r="140" spans="1:7">
      <c r="A140" s="7">
        <v>138</v>
      </c>
      <c r="B140" s="8" t="s">
        <v>451</v>
      </c>
      <c r="C140" s="17" t="s">
        <v>527</v>
      </c>
      <c r="D140" s="17" t="s">
        <v>719</v>
      </c>
      <c r="E140" s="8" t="s">
        <v>528</v>
      </c>
      <c r="F140" s="8"/>
      <c r="G140" s="12"/>
    </row>
    <row r="141" spans="1:7">
      <c r="A141" s="7">
        <v>139</v>
      </c>
      <c r="B141" s="8" t="s">
        <v>451</v>
      </c>
      <c r="C141" s="17" t="s">
        <v>529</v>
      </c>
      <c r="D141" s="17" t="s">
        <v>720</v>
      </c>
      <c r="E141" s="8" t="s">
        <v>530</v>
      </c>
      <c r="F141" s="8"/>
      <c r="G141" s="12"/>
    </row>
    <row r="142" spans="1:7">
      <c r="A142" s="7">
        <v>140</v>
      </c>
      <c r="B142" s="8" t="s">
        <v>451</v>
      </c>
      <c r="C142" s="17" t="s">
        <v>1527</v>
      </c>
      <c r="D142" s="17" t="s">
        <v>721</v>
      </c>
      <c r="E142" s="8" t="s">
        <v>531</v>
      </c>
      <c r="F142" s="8"/>
      <c r="G142" s="12"/>
    </row>
    <row r="143" spans="1:7">
      <c r="A143" s="7">
        <v>141</v>
      </c>
      <c r="B143" s="8" t="s">
        <v>451</v>
      </c>
      <c r="C143" s="17" t="s">
        <v>532</v>
      </c>
      <c r="D143" s="17" t="s">
        <v>722</v>
      </c>
      <c r="E143" s="8" t="s">
        <v>533</v>
      </c>
      <c r="F143" s="8"/>
      <c r="G143" s="12"/>
    </row>
    <row r="144" spans="1:7">
      <c r="A144" s="7">
        <v>142</v>
      </c>
      <c r="B144" s="8" t="s">
        <v>451</v>
      </c>
      <c r="C144" s="17" t="s">
        <v>534</v>
      </c>
      <c r="D144" s="17" t="s">
        <v>723</v>
      </c>
      <c r="E144" s="8" t="s">
        <v>535</v>
      </c>
      <c r="F144" s="8"/>
      <c r="G144" s="12"/>
    </row>
    <row r="145" spans="1:7">
      <c r="A145" s="7">
        <v>143</v>
      </c>
      <c r="B145" s="8" t="s">
        <v>451</v>
      </c>
      <c r="C145" s="17" t="s">
        <v>536</v>
      </c>
      <c r="D145" s="17" t="s">
        <v>763</v>
      </c>
      <c r="E145" s="8" t="s">
        <v>537</v>
      </c>
      <c r="F145" s="8"/>
      <c r="G145" s="12"/>
    </row>
    <row r="146" spans="1:7">
      <c r="A146" s="7">
        <v>144</v>
      </c>
      <c r="B146" s="8" t="s">
        <v>451</v>
      </c>
      <c r="C146" s="17" t="s">
        <v>538</v>
      </c>
      <c r="D146" s="17" t="s">
        <v>724</v>
      </c>
      <c r="E146" s="8" t="s">
        <v>539</v>
      </c>
      <c r="F146" s="8"/>
      <c r="G146" s="12"/>
    </row>
    <row r="147" spans="1:7">
      <c r="A147" s="7">
        <v>145</v>
      </c>
      <c r="B147" s="8" t="s">
        <v>451</v>
      </c>
      <c r="C147" s="17" t="s">
        <v>540</v>
      </c>
      <c r="D147" s="17" t="s">
        <v>725</v>
      </c>
      <c r="E147" s="8" t="s">
        <v>541</v>
      </c>
      <c r="F147" s="8"/>
      <c r="G147" s="12"/>
    </row>
    <row r="148" spans="1:7">
      <c r="A148" s="7">
        <v>146</v>
      </c>
      <c r="B148" s="8" t="s">
        <v>451</v>
      </c>
      <c r="C148" s="17" t="s">
        <v>542</v>
      </c>
      <c r="D148" s="17" t="s">
        <v>726</v>
      </c>
      <c r="E148" s="8" t="s">
        <v>543</v>
      </c>
      <c r="F148" s="8"/>
      <c r="G148" s="12"/>
    </row>
    <row r="149" spans="1:7">
      <c r="A149" s="7">
        <v>147</v>
      </c>
      <c r="B149" s="8" t="s">
        <v>451</v>
      </c>
      <c r="C149" s="17" t="s">
        <v>544</v>
      </c>
      <c r="D149" s="17" t="s">
        <v>727</v>
      </c>
      <c r="E149" s="8" t="s">
        <v>545</v>
      </c>
      <c r="F149" s="8"/>
      <c r="G149" s="12"/>
    </row>
    <row r="150" spans="1:7">
      <c r="A150" s="7">
        <v>148</v>
      </c>
      <c r="B150" s="8" t="s">
        <v>451</v>
      </c>
      <c r="C150" s="17" t="s">
        <v>1528</v>
      </c>
      <c r="D150" s="17" t="s">
        <v>728</v>
      </c>
      <c r="E150" s="8" t="s">
        <v>546</v>
      </c>
      <c r="F150" s="8"/>
      <c r="G150" s="12"/>
    </row>
    <row r="151" spans="1:7">
      <c r="A151" s="7">
        <v>149</v>
      </c>
      <c r="B151" s="8" t="s">
        <v>451</v>
      </c>
      <c r="C151" s="17" t="s">
        <v>547</v>
      </c>
      <c r="D151" s="17" t="s">
        <v>729</v>
      </c>
      <c r="E151" s="8" t="s">
        <v>548</v>
      </c>
      <c r="F151" s="8"/>
      <c r="G151" s="12"/>
    </row>
    <row r="152" spans="1:7">
      <c r="A152" s="7">
        <v>150</v>
      </c>
      <c r="B152" s="8" t="s">
        <v>451</v>
      </c>
      <c r="C152" s="17" t="s">
        <v>549</v>
      </c>
      <c r="D152" s="17" t="s">
        <v>730</v>
      </c>
      <c r="E152" s="8" t="s">
        <v>550</v>
      </c>
      <c r="F152" s="8"/>
      <c r="G152" s="12"/>
    </row>
    <row r="153" spans="1:7">
      <c r="A153" s="7">
        <v>151</v>
      </c>
      <c r="B153" s="8" t="s">
        <v>451</v>
      </c>
      <c r="C153" s="17" t="s">
        <v>551</v>
      </c>
      <c r="D153" s="17" t="s">
        <v>731</v>
      </c>
      <c r="E153" s="8" t="s">
        <v>552</v>
      </c>
      <c r="F153" s="8"/>
      <c r="G153" s="12"/>
    </row>
    <row r="154" spans="1:7">
      <c r="A154" s="7">
        <v>152</v>
      </c>
      <c r="B154" s="8" t="s">
        <v>451</v>
      </c>
      <c r="C154" s="17" t="s">
        <v>1529</v>
      </c>
      <c r="D154" s="17" t="s">
        <v>732</v>
      </c>
      <c r="E154" s="8" t="s">
        <v>553</v>
      </c>
      <c r="F154" s="8"/>
      <c r="G154" s="12"/>
    </row>
    <row r="155" spans="1:7">
      <c r="A155" s="7">
        <v>153</v>
      </c>
      <c r="B155" s="8" t="s">
        <v>451</v>
      </c>
      <c r="C155" s="17" t="s">
        <v>554</v>
      </c>
      <c r="D155" s="17" t="s">
        <v>733</v>
      </c>
      <c r="E155" s="8" t="s">
        <v>555</v>
      </c>
      <c r="F155" s="8"/>
      <c r="G155" s="12"/>
    </row>
    <row r="156" spans="1:7">
      <c r="A156" s="7">
        <v>154</v>
      </c>
      <c r="B156" s="8" t="s">
        <v>451</v>
      </c>
      <c r="C156" s="17" t="s">
        <v>556</v>
      </c>
      <c r="D156" s="17" t="s">
        <v>734</v>
      </c>
      <c r="E156" s="8" t="s">
        <v>557</v>
      </c>
      <c r="F156" s="8"/>
      <c r="G156" s="12"/>
    </row>
    <row r="157" spans="1:7">
      <c r="A157" s="7">
        <v>155</v>
      </c>
      <c r="B157" s="8" t="s">
        <v>451</v>
      </c>
      <c r="C157" s="17" t="s">
        <v>558</v>
      </c>
      <c r="D157" s="17" t="s">
        <v>735</v>
      </c>
      <c r="E157" s="8" t="s">
        <v>559</v>
      </c>
      <c r="F157" s="8"/>
      <c r="G157" s="12"/>
    </row>
    <row r="158" spans="1:7">
      <c r="A158" s="7">
        <v>156</v>
      </c>
      <c r="B158" s="8" t="s">
        <v>451</v>
      </c>
      <c r="C158" s="17" t="s">
        <v>560</v>
      </c>
      <c r="D158" s="17" t="s">
        <v>736</v>
      </c>
      <c r="E158" s="8" t="s">
        <v>561</v>
      </c>
      <c r="F158" s="8"/>
      <c r="G158" s="12"/>
    </row>
    <row r="159" spans="1:7" ht="28.8">
      <c r="A159" s="7">
        <v>157</v>
      </c>
      <c r="B159" s="8" t="s">
        <v>451</v>
      </c>
      <c r="C159" s="16" t="s">
        <v>1716</v>
      </c>
      <c r="D159" s="16" t="s">
        <v>737</v>
      </c>
      <c r="E159" s="8" t="s">
        <v>562</v>
      </c>
      <c r="F159" s="8"/>
      <c r="G159" s="12"/>
    </row>
    <row r="160" spans="1:7">
      <c r="A160" s="7">
        <v>158</v>
      </c>
      <c r="B160" s="8" t="s">
        <v>451</v>
      </c>
      <c r="C160" s="17" t="s">
        <v>1650</v>
      </c>
      <c r="D160" s="17" t="s">
        <v>738</v>
      </c>
      <c r="E160" s="8" t="s">
        <v>563</v>
      </c>
      <c r="F160" s="8"/>
      <c r="G160" s="12" t="s">
        <v>1669</v>
      </c>
    </row>
    <row r="161" spans="1:7">
      <c r="A161" s="7">
        <v>159</v>
      </c>
      <c r="B161" s="8" t="s">
        <v>451</v>
      </c>
      <c r="C161" s="17" t="s">
        <v>564</v>
      </c>
      <c r="D161" s="17" t="s">
        <v>739</v>
      </c>
      <c r="E161" s="8" t="s">
        <v>565</v>
      </c>
      <c r="F161" s="8"/>
      <c r="G161" s="12"/>
    </row>
    <row r="162" spans="1:7">
      <c r="A162" s="7">
        <v>160</v>
      </c>
      <c r="B162" s="8" t="s">
        <v>451</v>
      </c>
      <c r="C162" s="17" t="s">
        <v>566</v>
      </c>
      <c r="D162" s="17" t="s">
        <v>740</v>
      </c>
      <c r="E162" s="8" t="s">
        <v>567</v>
      </c>
      <c r="F162" s="8"/>
      <c r="G162" s="12"/>
    </row>
    <row r="163" spans="1:7">
      <c r="A163" s="7">
        <v>161</v>
      </c>
      <c r="B163" s="8" t="s">
        <v>451</v>
      </c>
      <c r="C163" s="17" t="s">
        <v>568</v>
      </c>
      <c r="D163" s="17" t="s">
        <v>741</v>
      </c>
      <c r="E163" s="8" t="s">
        <v>569</v>
      </c>
      <c r="F163" s="8"/>
      <c r="G163" s="12"/>
    </row>
    <row r="164" spans="1:7">
      <c r="A164" s="7">
        <v>162</v>
      </c>
      <c r="B164" s="8" t="s">
        <v>451</v>
      </c>
      <c r="C164" s="17" t="s">
        <v>570</v>
      </c>
      <c r="D164" s="17" t="s">
        <v>742</v>
      </c>
      <c r="E164" s="8" t="s">
        <v>571</v>
      </c>
      <c r="F164" s="8"/>
      <c r="G164" s="12"/>
    </row>
    <row r="165" spans="1:7">
      <c r="A165" s="7">
        <v>163</v>
      </c>
      <c r="B165" s="8" t="s">
        <v>451</v>
      </c>
      <c r="C165" s="17" t="s">
        <v>572</v>
      </c>
      <c r="D165" s="17" t="s">
        <v>743</v>
      </c>
      <c r="E165" s="8" t="s">
        <v>573</v>
      </c>
      <c r="F165" s="8"/>
      <c r="G165" s="12"/>
    </row>
    <row r="166" spans="1:7" ht="28.8">
      <c r="A166" s="7">
        <v>164</v>
      </c>
      <c r="B166" s="8" t="s">
        <v>451</v>
      </c>
      <c r="C166" s="16" t="s">
        <v>1374</v>
      </c>
      <c r="D166" s="17" t="s">
        <v>744</v>
      </c>
      <c r="E166" s="8" t="s">
        <v>574</v>
      </c>
      <c r="F166" s="8"/>
      <c r="G166" s="12"/>
    </row>
    <row r="167" spans="1:7">
      <c r="A167" s="7">
        <v>165</v>
      </c>
      <c r="B167" s="8" t="s">
        <v>451</v>
      </c>
      <c r="C167" s="17" t="s">
        <v>575</v>
      </c>
      <c r="D167" s="17" t="s">
        <v>745</v>
      </c>
      <c r="E167" s="8" t="s">
        <v>576</v>
      </c>
      <c r="F167" s="8"/>
      <c r="G167" s="12"/>
    </row>
    <row r="168" spans="1:7">
      <c r="A168" s="7">
        <v>166</v>
      </c>
      <c r="B168" s="8" t="s">
        <v>451</v>
      </c>
      <c r="C168" s="17" t="s">
        <v>577</v>
      </c>
      <c r="D168" s="17" t="s">
        <v>746</v>
      </c>
      <c r="E168" s="8" t="s">
        <v>578</v>
      </c>
      <c r="F168" s="8"/>
      <c r="G168" s="12"/>
    </row>
    <row r="169" spans="1:7">
      <c r="A169" s="7">
        <v>167</v>
      </c>
      <c r="B169" s="8" t="s">
        <v>451</v>
      </c>
      <c r="C169" s="17" t="s">
        <v>579</v>
      </c>
      <c r="D169" s="17" t="s">
        <v>747</v>
      </c>
      <c r="E169" s="8" t="s">
        <v>580</v>
      </c>
      <c r="F169" s="8"/>
      <c r="G169" s="12"/>
    </row>
    <row r="170" spans="1:7">
      <c r="A170" s="7">
        <v>168</v>
      </c>
      <c r="B170" s="8" t="s">
        <v>451</v>
      </c>
      <c r="C170" s="17" t="s">
        <v>581</v>
      </c>
      <c r="D170" s="17" t="s">
        <v>748</v>
      </c>
      <c r="E170" s="8" t="s">
        <v>582</v>
      </c>
      <c r="F170" s="8"/>
      <c r="G170" s="12"/>
    </row>
    <row r="171" spans="1:7" ht="28.8">
      <c r="A171" s="7">
        <v>169</v>
      </c>
      <c r="B171" s="8" t="s">
        <v>451</v>
      </c>
      <c r="C171" s="17" t="s">
        <v>583</v>
      </c>
      <c r="D171" s="16" t="s">
        <v>749</v>
      </c>
      <c r="E171" s="8" t="s">
        <v>584</v>
      </c>
      <c r="F171" s="8"/>
      <c r="G171" s="12"/>
    </row>
    <row r="172" spans="1:7">
      <c r="A172" s="7">
        <v>170</v>
      </c>
      <c r="B172" s="8" t="s">
        <v>451</v>
      </c>
      <c r="C172" s="17" t="s">
        <v>1371</v>
      </c>
      <c r="D172" s="17" t="s">
        <v>750</v>
      </c>
      <c r="E172" s="8" t="s">
        <v>585</v>
      </c>
      <c r="F172" s="8"/>
      <c r="G172" s="12"/>
    </row>
    <row r="173" spans="1:7">
      <c r="A173" s="7">
        <v>171</v>
      </c>
      <c r="B173" s="8" t="s">
        <v>451</v>
      </c>
      <c r="C173" s="17" t="s">
        <v>586</v>
      </c>
      <c r="D173" s="17" t="s">
        <v>751</v>
      </c>
      <c r="E173" s="8" t="s">
        <v>587</v>
      </c>
      <c r="F173" s="8"/>
      <c r="G173" s="12"/>
    </row>
    <row r="174" spans="1:7">
      <c r="A174" s="7">
        <v>172</v>
      </c>
      <c r="B174" s="8" t="s">
        <v>451</v>
      </c>
      <c r="C174" s="17" t="s">
        <v>588</v>
      </c>
      <c r="D174" s="17" t="s">
        <v>752</v>
      </c>
      <c r="E174" s="8" t="s">
        <v>589</v>
      </c>
      <c r="F174" s="8"/>
      <c r="G174" s="12"/>
    </row>
    <row r="175" spans="1:7">
      <c r="A175" s="7">
        <v>173</v>
      </c>
      <c r="B175" s="8" t="s">
        <v>451</v>
      </c>
      <c r="C175" s="17" t="s">
        <v>590</v>
      </c>
      <c r="D175" s="17" t="s">
        <v>753</v>
      </c>
      <c r="E175" s="8" t="s">
        <v>591</v>
      </c>
      <c r="F175" s="8"/>
      <c r="G175" s="12"/>
    </row>
    <row r="176" spans="1:7">
      <c r="A176" s="7">
        <v>174</v>
      </c>
      <c r="B176" s="8" t="s">
        <v>451</v>
      </c>
      <c r="C176" s="17" t="s">
        <v>592</v>
      </c>
      <c r="D176" s="17" t="s">
        <v>754</v>
      </c>
      <c r="E176" s="8" t="s">
        <v>593</v>
      </c>
      <c r="F176" s="8"/>
      <c r="G176" s="12"/>
    </row>
    <row r="177" spans="1:7" ht="28.8">
      <c r="A177" s="7">
        <v>175</v>
      </c>
      <c r="B177" s="8" t="s">
        <v>451</v>
      </c>
      <c r="C177" s="17" t="s">
        <v>594</v>
      </c>
      <c r="D177" s="16" t="s">
        <v>755</v>
      </c>
      <c r="E177" s="8" t="s">
        <v>595</v>
      </c>
      <c r="F177" s="8"/>
      <c r="G177" s="12"/>
    </row>
    <row r="178" spans="1:7">
      <c r="A178" s="7">
        <v>176</v>
      </c>
      <c r="B178" s="8" t="s">
        <v>451</v>
      </c>
      <c r="C178" s="17" t="s">
        <v>596</v>
      </c>
      <c r="D178" s="17" t="s">
        <v>756</v>
      </c>
      <c r="E178" s="8" t="s">
        <v>597</v>
      </c>
      <c r="F178" s="8"/>
      <c r="G178" s="12"/>
    </row>
    <row r="179" spans="1:7">
      <c r="A179" s="7">
        <v>177</v>
      </c>
      <c r="B179" s="8" t="s">
        <v>451</v>
      </c>
      <c r="C179" s="17" t="s">
        <v>598</v>
      </c>
      <c r="D179" s="17" t="s">
        <v>757</v>
      </c>
      <c r="E179" s="8" t="s">
        <v>599</v>
      </c>
      <c r="F179" s="8"/>
      <c r="G179" s="12"/>
    </row>
    <row r="180" spans="1:7">
      <c r="A180" s="7">
        <v>178</v>
      </c>
      <c r="B180" s="8" t="s">
        <v>451</v>
      </c>
      <c r="C180" s="17" t="s">
        <v>600</v>
      </c>
      <c r="D180" s="17" t="s">
        <v>758</v>
      </c>
      <c r="E180" s="8" t="s">
        <v>601</v>
      </c>
      <c r="F180" s="8"/>
      <c r="G180" s="12"/>
    </row>
    <row r="181" spans="1:7" ht="28.8">
      <c r="A181" s="7">
        <v>179</v>
      </c>
      <c r="B181" s="8" t="s">
        <v>451</v>
      </c>
      <c r="C181" s="17" t="s">
        <v>602</v>
      </c>
      <c r="D181" s="16" t="s">
        <v>759</v>
      </c>
      <c r="E181" s="8" t="s">
        <v>603</v>
      </c>
      <c r="F181" s="8"/>
      <c r="G181" s="12"/>
    </row>
    <row r="182" spans="1:7">
      <c r="A182" s="7">
        <v>180</v>
      </c>
      <c r="B182" s="8" t="s">
        <v>451</v>
      </c>
      <c r="C182" s="17" t="s">
        <v>1530</v>
      </c>
      <c r="D182" s="17" t="s">
        <v>764</v>
      </c>
      <c r="E182" s="8" t="s">
        <v>604</v>
      </c>
      <c r="F182" s="8"/>
      <c r="G182" s="12"/>
    </row>
    <row r="183" spans="1:7" ht="28.8">
      <c r="A183" s="7">
        <v>181</v>
      </c>
      <c r="B183" s="8" t="s">
        <v>451</v>
      </c>
      <c r="C183" s="17" t="s">
        <v>605</v>
      </c>
      <c r="D183" s="16" t="s">
        <v>760</v>
      </c>
      <c r="E183" s="8" t="s">
        <v>606</v>
      </c>
      <c r="F183" s="8"/>
      <c r="G183" s="12"/>
    </row>
    <row r="184" spans="1:7" ht="28.8">
      <c r="A184" s="7">
        <v>182</v>
      </c>
      <c r="B184" s="8" t="s">
        <v>451</v>
      </c>
      <c r="C184" s="17" t="s">
        <v>607</v>
      </c>
      <c r="D184" s="16" t="s">
        <v>761</v>
      </c>
      <c r="E184" s="8" t="s">
        <v>1276</v>
      </c>
      <c r="F184" s="8"/>
      <c r="G184" s="12"/>
    </row>
    <row r="185" spans="1:7">
      <c r="A185" s="7">
        <v>183</v>
      </c>
      <c r="B185" s="8" t="s">
        <v>451</v>
      </c>
      <c r="C185" s="17" t="s">
        <v>1531</v>
      </c>
      <c r="D185" s="17" t="s">
        <v>1717</v>
      </c>
      <c r="E185" s="8" t="s">
        <v>1718</v>
      </c>
      <c r="F185" s="8"/>
      <c r="G185" s="12"/>
    </row>
    <row r="186" spans="1:7" ht="28.8">
      <c r="A186" s="7">
        <v>184</v>
      </c>
      <c r="B186" s="8" t="s">
        <v>451</v>
      </c>
      <c r="C186" s="17" t="s">
        <v>608</v>
      </c>
      <c r="D186" s="16" t="s">
        <v>762</v>
      </c>
      <c r="E186" s="8" t="s">
        <v>609</v>
      </c>
      <c r="F186" s="8"/>
      <c r="G186" s="12"/>
    </row>
    <row r="187" spans="1:7" ht="28.8">
      <c r="A187" s="7">
        <v>185</v>
      </c>
      <c r="B187" s="8" t="s">
        <v>451</v>
      </c>
      <c r="C187" s="17" t="s">
        <v>610</v>
      </c>
      <c r="D187" s="16" t="s">
        <v>765</v>
      </c>
      <c r="E187" s="8" t="s">
        <v>611</v>
      </c>
      <c r="F187" s="8"/>
      <c r="G187" s="12"/>
    </row>
    <row r="188" spans="1:7" ht="28.8">
      <c r="A188" s="7">
        <v>186</v>
      </c>
      <c r="B188" s="8" t="s">
        <v>451</v>
      </c>
      <c r="C188" s="17" t="s">
        <v>612</v>
      </c>
      <c r="D188" s="16" t="s">
        <v>766</v>
      </c>
      <c r="E188" s="8" t="s">
        <v>613</v>
      </c>
      <c r="F188" s="8"/>
      <c r="G188" s="12"/>
    </row>
    <row r="189" spans="1:7">
      <c r="A189" s="7">
        <v>187</v>
      </c>
      <c r="B189" s="8" t="s">
        <v>451</v>
      </c>
      <c r="C189" s="17" t="s">
        <v>614</v>
      </c>
      <c r="D189" s="17" t="s">
        <v>767</v>
      </c>
      <c r="E189" s="8" t="s">
        <v>615</v>
      </c>
      <c r="F189" s="8"/>
      <c r="G189" s="12"/>
    </row>
    <row r="190" spans="1:7" ht="28.8">
      <c r="A190" s="7">
        <v>188</v>
      </c>
      <c r="B190" s="8" t="s">
        <v>451</v>
      </c>
      <c r="C190" s="17" t="s">
        <v>616</v>
      </c>
      <c r="D190" s="16" t="s">
        <v>1133</v>
      </c>
      <c r="E190" s="8" t="s">
        <v>617</v>
      </c>
      <c r="F190" s="8"/>
      <c r="G190" s="12"/>
    </row>
    <row r="191" spans="1:7" ht="28.8">
      <c r="A191" s="7">
        <v>189</v>
      </c>
      <c r="B191" s="8" t="s">
        <v>451</v>
      </c>
      <c r="C191" s="17" t="s">
        <v>618</v>
      </c>
      <c r="D191" s="16" t="s">
        <v>768</v>
      </c>
      <c r="E191" s="8" t="s">
        <v>619</v>
      </c>
      <c r="F191" s="8"/>
      <c r="G191" s="12"/>
    </row>
    <row r="192" spans="1:7" ht="28.8">
      <c r="A192" s="7">
        <v>190</v>
      </c>
      <c r="B192" s="8" t="s">
        <v>451</v>
      </c>
      <c r="C192" s="17" t="s">
        <v>620</v>
      </c>
      <c r="D192" s="16" t="s">
        <v>769</v>
      </c>
      <c r="E192" s="8" t="s">
        <v>621</v>
      </c>
      <c r="F192" s="8"/>
      <c r="G192" s="12"/>
    </row>
    <row r="193" spans="1:7">
      <c r="A193" s="7">
        <v>191</v>
      </c>
      <c r="B193" s="8" t="s">
        <v>451</v>
      </c>
      <c r="C193" s="17" t="s">
        <v>622</v>
      </c>
      <c r="D193" s="17" t="s">
        <v>770</v>
      </c>
      <c r="E193" s="8" t="s">
        <v>623</v>
      </c>
      <c r="F193" s="8"/>
      <c r="G193" s="12"/>
    </row>
    <row r="194" spans="1:7" ht="28.8">
      <c r="A194" s="7">
        <v>192</v>
      </c>
      <c r="B194" s="8" t="s">
        <v>451</v>
      </c>
      <c r="C194" s="17" t="s">
        <v>624</v>
      </c>
      <c r="D194" s="16" t="s">
        <v>771</v>
      </c>
      <c r="E194" s="8" t="s">
        <v>625</v>
      </c>
      <c r="F194" s="8"/>
      <c r="G194" s="12"/>
    </row>
    <row r="195" spans="1:7" ht="28.8">
      <c r="A195" s="7">
        <v>193</v>
      </c>
      <c r="B195" s="8" t="s">
        <v>451</v>
      </c>
      <c r="C195" s="17" t="s">
        <v>626</v>
      </c>
      <c r="D195" s="16" t="s">
        <v>772</v>
      </c>
      <c r="E195" s="8" t="s">
        <v>627</v>
      </c>
      <c r="F195" s="8"/>
      <c r="G195" s="12"/>
    </row>
    <row r="196" spans="1:7" ht="28.8">
      <c r="A196" s="7">
        <v>194</v>
      </c>
      <c r="B196" s="8" t="s">
        <v>451</v>
      </c>
      <c r="C196" s="16" t="s">
        <v>671</v>
      </c>
      <c r="D196" s="16" t="s">
        <v>773</v>
      </c>
      <c r="E196" s="8" t="s">
        <v>628</v>
      </c>
      <c r="F196" s="8"/>
      <c r="G196" s="12"/>
    </row>
    <row r="197" spans="1:7">
      <c r="A197" s="7">
        <v>195</v>
      </c>
      <c r="B197" s="8" t="s">
        <v>451</v>
      </c>
      <c r="C197" s="17" t="s">
        <v>629</v>
      </c>
      <c r="D197" s="17" t="s">
        <v>774</v>
      </c>
      <c r="E197" s="8" t="s">
        <v>630</v>
      </c>
      <c r="F197" s="8"/>
      <c r="G197" s="12"/>
    </row>
    <row r="198" spans="1:7" ht="28.8">
      <c r="A198" s="7">
        <v>196</v>
      </c>
      <c r="B198" s="8" t="s">
        <v>451</v>
      </c>
      <c r="C198" s="17" t="s">
        <v>631</v>
      </c>
      <c r="D198" s="16" t="s">
        <v>775</v>
      </c>
      <c r="E198" s="8" t="s">
        <v>632</v>
      </c>
      <c r="F198" s="8"/>
      <c r="G198" s="12"/>
    </row>
    <row r="199" spans="1:7">
      <c r="A199" s="7">
        <v>197</v>
      </c>
      <c r="B199" s="8" t="s">
        <v>451</v>
      </c>
      <c r="C199" s="17" t="s">
        <v>633</v>
      </c>
      <c r="D199" s="17" t="s">
        <v>776</v>
      </c>
      <c r="E199" s="8" t="s">
        <v>634</v>
      </c>
      <c r="F199" s="8"/>
      <c r="G199" s="12"/>
    </row>
    <row r="200" spans="1:7">
      <c r="A200" s="7">
        <v>198</v>
      </c>
      <c r="B200" s="8" t="s">
        <v>451</v>
      </c>
      <c r="C200" s="17" t="s">
        <v>635</v>
      </c>
      <c r="D200" s="17" t="s">
        <v>777</v>
      </c>
      <c r="E200" s="8" t="s">
        <v>636</v>
      </c>
      <c r="F200" s="8"/>
      <c r="G200" s="12"/>
    </row>
    <row r="201" spans="1:7" ht="28.8">
      <c r="A201" s="7">
        <v>199</v>
      </c>
      <c r="B201" s="8" t="s">
        <v>451</v>
      </c>
      <c r="C201" s="17" t="s">
        <v>637</v>
      </c>
      <c r="D201" s="16" t="s">
        <v>1134</v>
      </c>
      <c r="E201" s="8" t="s">
        <v>638</v>
      </c>
      <c r="F201" s="8"/>
      <c r="G201" s="12"/>
    </row>
    <row r="202" spans="1:7">
      <c r="A202" s="7">
        <v>200</v>
      </c>
      <c r="B202" s="8" t="s">
        <v>451</v>
      </c>
      <c r="C202" s="17" t="s">
        <v>639</v>
      </c>
      <c r="D202" s="17" t="s">
        <v>778</v>
      </c>
      <c r="E202" s="8" t="s">
        <v>640</v>
      </c>
      <c r="F202" s="8"/>
      <c r="G202" s="12"/>
    </row>
    <row r="203" spans="1:7" ht="28.8">
      <c r="A203" s="7">
        <v>201</v>
      </c>
      <c r="B203" s="8" t="s">
        <v>451</v>
      </c>
      <c r="C203" s="17" t="s">
        <v>641</v>
      </c>
      <c r="D203" s="16" t="s">
        <v>779</v>
      </c>
      <c r="E203" s="8" t="s">
        <v>642</v>
      </c>
      <c r="F203" s="8"/>
      <c r="G203" s="12"/>
    </row>
    <row r="204" spans="1:7">
      <c r="A204" s="7">
        <v>202</v>
      </c>
      <c r="B204" s="8" t="s">
        <v>451</v>
      </c>
      <c r="C204" s="17" t="s">
        <v>643</v>
      </c>
      <c r="D204" s="17" t="s">
        <v>780</v>
      </c>
      <c r="E204" s="8" t="s">
        <v>644</v>
      </c>
      <c r="F204" s="8"/>
      <c r="G204" s="12"/>
    </row>
    <row r="205" spans="1:7">
      <c r="A205" s="7">
        <v>203</v>
      </c>
      <c r="B205" s="8" t="s">
        <v>451</v>
      </c>
      <c r="C205" s="17" t="s">
        <v>645</v>
      </c>
      <c r="D205" s="17" t="s">
        <v>781</v>
      </c>
      <c r="E205" s="8" t="s">
        <v>646</v>
      </c>
      <c r="F205" s="8"/>
      <c r="G205" s="12"/>
    </row>
    <row r="206" spans="1:7">
      <c r="A206" s="7">
        <v>204</v>
      </c>
      <c r="B206" s="8" t="s">
        <v>451</v>
      </c>
      <c r="C206" s="17" t="s">
        <v>647</v>
      </c>
      <c r="D206" s="17" t="s">
        <v>782</v>
      </c>
      <c r="E206" s="8" t="s">
        <v>648</v>
      </c>
      <c r="F206" s="8"/>
      <c r="G206" s="12"/>
    </row>
    <row r="207" spans="1:7">
      <c r="A207" s="7">
        <v>205</v>
      </c>
      <c r="B207" s="8" t="s">
        <v>451</v>
      </c>
      <c r="C207" s="17" t="s">
        <v>649</v>
      </c>
      <c r="D207" s="17" t="s">
        <v>783</v>
      </c>
      <c r="E207" s="8" t="s">
        <v>650</v>
      </c>
      <c r="F207" s="8"/>
      <c r="G207" s="12"/>
    </row>
    <row r="208" spans="1:7">
      <c r="A208" s="7">
        <v>206</v>
      </c>
      <c r="B208" s="8" t="s">
        <v>451</v>
      </c>
      <c r="C208" s="17" t="s">
        <v>651</v>
      </c>
      <c r="D208" s="17" t="s">
        <v>784</v>
      </c>
      <c r="E208" s="8" t="s">
        <v>652</v>
      </c>
      <c r="F208" s="8"/>
      <c r="G208" s="12"/>
    </row>
    <row r="209" spans="1:7" ht="28.8">
      <c r="A209" s="7">
        <v>207</v>
      </c>
      <c r="B209" s="8" t="s">
        <v>451</v>
      </c>
      <c r="C209" s="17" t="s">
        <v>653</v>
      </c>
      <c r="D209" s="16" t="s">
        <v>1532</v>
      </c>
      <c r="E209" s="8" t="s">
        <v>654</v>
      </c>
      <c r="F209" s="8"/>
      <c r="G209" s="12"/>
    </row>
    <row r="210" spans="1:7">
      <c r="A210" s="7">
        <v>208</v>
      </c>
      <c r="B210" s="8" t="s">
        <v>451</v>
      </c>
      <c r="C210" s="17" t="s">
        <v>655</v>
      </c>
      <c r="D210" s="17" t="s">
        <v>785</v>
      </c>
      <c r="E210" s="8" t="s">
        <v>656</v>
      </c>
      <c r="F210" s="8"/>
      <c r="G210" s="12"/>
    </row>
    <row r="211" spans="1:7">
      <c r="A211" s="7">
        <v>209</v>
      </c>
      <c r="B211" s="8" t="s">
        <v>451</v>
      </c>
      <c r="C211" s="17" t="s">
        <v>657</v>
      </c>
      <c r="D211" s="17" t="s">
        <v>786</v>
      </c>
      <c r="E211" s="8" t="s">
        <v>658</v>
      </c>
      <c r="F211" s="8"/>
      <c r="G211" s="12"/>
    </row>
    <row r="212" spans="1:7">
      <c r="A212" s="7">
        <v>210</v>
      </c>
      <c r="B212" s="8" t="s">
        <v>451</v>
      </c>
      <c r="C212" s="17" t="s">
        <v>659</v>
      </c>
      <c r="D212" s="17" t="s">
        <v>787</v>
      </c>
      <c r="E212" s="8" t="s">
        <v>660</v>
      </c>
      <c r="F212" s="8"/>
      <c r="G212" s="12"/>
    </row>
    <row r="213" spans="1:7">
      <c r="A213" s="7">
        <v>211</v>
      </c>
      <c r="B213" s="8" t="s">
        <v>451</v>
      </c>
      <c r="C213" s="17" t="s">
        <v>661</v>
      </c>
      <c r="D213" s="17" t="s">
        <v>788</v>
      </c>
      <c r="E213" s="8" t="s">
        <v>662</v>
      </c>
      <c r="F213" s="8"/>
      <c r="G213" s="12"/>
    </row>
    <row r="214" spans="1:7">
      <c r="A214" s="7">
        <v>212</v>
      </c>
      <c r="B214" s="8" t="s">
        <v>451</v>
      </c>
      <c r="C214" s="17" t="s">
        <v>663</v>
      </c>
      <c r="D214" s="17" t="s">
        <v>789</v>
      </c>
      <c r="E214" s="8" t="s">
        <v>664</v>
      </c>
      <c r="F214" s="8"/>
      <c r="G214" s="12"/>
    </row>
    <row r="215" spans="1:7">
      <c r="A215" s="7">
        <v>213</v>
      </c>
      <c r="B215" s="8" t="s">
        <v>451</v>
      </c>
      <c r="C215" s="17" t="s">
        <v>665</v>
      </c>
      <c r="D215" s="17" t="s">
        <v>790</v>
      </c>
      <c r="E215" s="8" t="s">
        <v>666</v>
      </c>
      <c r="F215" s="8"/>
      <c r="G215" s="12"/>
    </row>
    <row r="216" spans="1:7">
      <c r="A216" s="7">
        <v>214</v>
      </c>
      <c r="B216" s="8" t="s">
        <v>451</v>
      </c>
      <c r="C216" s="17" t="s">
        <v>1277</v>
      </c>
      <c r="D216" s="17" t="s">
        <v>1278</v>
      </c>
      <c r="E216" s="8" t="s">
        <v>1279</v>
      </c>
      <c r="F216" s="8"/>
      <c r="G216" s="12"/>
    </row>
    <row r="217" spans="1:7" ht="28.8">
      <c r="A217" s="7">
        <v>215</v>
      </c>
      <c r="B217" s="8" t="s">
        <v>451</v>
      </c>
      <c r="C217" s="17" t="s">
        <v>1280</v>
      </c>
      <c r="D217" s="16" t="s">
        <v>1375</v>
      </c>
      <c r="E217" s="8" t="s">
        <v>1281</v>
      </c>
      <c r="F217" s="8"/>
      <c r="G217" s="12"/>
    </row>
    <row r="218" spans="1:7">
      <c r="A218" s="7">
        <v>216</v>
      </c>
      <c r="B218" s="8" t="s">
        <v>451</v>
      </c>
      <c r="C218" s="17" t="s">
        <v>1282</v>
      </c>
      <c r="D218" s="17" t="s">
        <v>1283</v>
      </c>
      <c r="E218" s="8" t="s">
        <v>1295</v>
      </c>
      <c r="F218" s="8"/>
      <c r="G218" s="12"/>
    </row>
    <row r="219" spans="1:7">
      <c r="A219" s="7">
        <v>217</v>
      </c>
      <c r="B219" s="8" t="s">
        <v>451</v>
      </c>
      <c r="C219" s="17" t="s">
        <v>1284</v>
      </c>
      <c r="D219" s="17" t="s">
        <v>1285</v>
      </c>
      <c r="E219" s="8" t="s">
        <v>1296</v>
      </c>
      <c r="F219" s="8"/>
      <c r="G219" s="12"/>
    </row>
    <row r="220" spans="1:7">
      <c r="A220" s="7">
        <v>218</v>
      </c>
      <c r="B220" s="8" t="s">
        <v>451</v>
      </c>
      <c r="C220" s="17" t="s">
        <v>1286</v>
      </c>
      <c r="D220" s="17" t="s">
        <v>1287</v>
      </c>
      <c r="E220" s="8" t="s">
        <v>1297</v>
      </c>
      <c r="F220" s="8"/>
      <c r="G220" s="12"/>
    </row>
    <row r="221" spans="1:7">
      <c r="A221" s="7">
        <v>219</v>
      </c>
      <c r="B221" s="8" t="s">
        <v>451</v>
      </c>
      <c r="C221" s="17" t="s">
        <v>1288</v>
      </c>
      <c r="D221" s="17" t="s">
        <v>1289</v>
      </c>
      <c r="E221" s="8" t="s">
        <v>1298</v>
      </c>
      <c r="F221" s="8"/>
      <c r="G221" s="12"/>
    </row>
    <row r="222" spans="1:7">
      <c r="A222" s="7">
        <v>220</v>
      </c>
      <c r="B222" s="8" t="s">
        <v>451</v>
      </c>
      <c r="C222" s="17" t="s">
        <v>1290</v>
      </c>
      <c r="D222" s="17" t="s">
        <v>1291</v>
      </c>
      <c r="E222" s="8" t="s">
        <v>1299</v>
      </c>
      <c r="F222" s="8"/>
      <c r="G222" s="12"/>
    </row>
    <row r="223" spans="1:7" ht="28.8">
      <c r="A223" s="7">
        <v>221</v>
      </c>
      <c r="B223" s="8" t="s">
        <v>451</v>
      </c>
      <c r="C223" s="17" t="s">
        <v>1292</v>
      </c>
      <c r="D223" s="16" t="s">
        <v>1376</v>
      </c>
      <c r="E223" s="10" t="s">
        <v>1300</v>
      </c>
      <c r="F223" s="8"/>
      <c r="G223" s="12"/>
    </row>
    <row r="224" spans="1:7" ht="28.8">
      <c r="A224" s="7">
        <v>222</v>
      </c>
      <c r="B224" s="8" t="s">
        <v>451</v>
      </c>
      <c r="C224" s="17" t="s">
        <v>1293</v>
      </c>
      <c r="D224" s="16" t="s">
        <v>1388</v>
      </c>
      <c r="E224" s="8" t="s">
        <v>1301</v>
      </c>
      <c r="F224" s="8"/>
      <c r="G224" s="12"/>
    </row>
    <row r="225" spans="1:7">
      <c r="A225" s="7">
        <v>223</v>
      </c>
      <c r="B225" s="8" t="s">
        <v>451</v>
      </c>
      <c r="C225" s="17" t="s">
        <v>1294</v>
      </c>
      <c r="D225" s="17" t="s">
        <v>1389</v>
      </c>
      <c r="E225" s="8" t="s">
        <v>1302</v>
      </c>
      <c r="F225" s="8"/>
      <c r="G225" s="12"/>
    </row>
    <row r="226" spans="1:7">
      <c r="A226" s="7">
        <v>224</v>
      </c>
      <c r="B226" s="8" t="s">
        <v>451</v>
      </c>
      <c r="C226" s="8" t="s">
        <v>1651</v>
      </c>
      <c r="D226" s="8" t="s">
        <v>1652</v>
      </c>
      <c r="E226" s="8" t="s">
        <v>1653</v>
      </c>
      <c r="F226" s="8"/>
      <c r="G226" s="12"/>
    </row>
    <row r="227" spans="1:7">
      <c r="A227" s="7">
        <v>225</v>
      </c>
      <c r="B227" s="8" t="s">
        <v>1709</v>
      </c>
      <c r="C227" s="8" t="s">
        <v>1710</v>
      </c>
      <c r="D227" s="8" t="s">
        <v>1711</v>
      </c>
      <c r="E227" s="8" t="s">
        <v>1712</v>
      </c>
      <c r="F227" s="8"/>
      <c r="G227" s="12"/>
    </row>
    <row r="228" spans="1:7">
      <c r="A228" s="7">
        <v>226</v>
      </c>
      <c r="B228" s="8" t="s">
        <v>7</v>
      </c>
      <c r="C228" s="8" t="s">
        <v>8</v>
      </c>
      <c r="D228" s="8" t="s">
        <v>1533</v>
      </c>
      <c r="E228" s="8" t="s">
        <v>9</v>
      </c>
      <c r="F228" s="8"/>
      <c r="G228" s="12"/>
    </row>
    <row r="229" spans="1:7">
      <c r="A229" s="7">
        <v>227</v>
      </c>
      <c r="B229" s="8" t="s">
        <v>7</v>
      </c>
      <c r="C229" s="8" t="s">
        <v>1534</v>
      </c>
      <c r="D229" s="8" t="s">
        <v>10</v>
      </c>
      <c r="E229" s="8" t="s">
        <v>11</v>
      </c>
      <c r="F229" s="8"/>
      <c r="G229" s="12"/>
    </row>
    <row r="230" spans="1:7">
      <c r="A230" s="7">
        <v>228</v>
      </c>
      <c r="B230" s="8" t="s">
        <v>7</v>
      </c>
      <c r="C230" s="8" t="s">
        <v>12</v>
      </c>
      <c r="D230" s="8" t="s">
        <v>13</v>
      </c>
      <c r="E230" s="8" t="s">
        <v>14</v>
      </c>
      <c r="F230" s="8"/>
      <c r="G230" s="12"/>
    </row>
    <row r="231" spans="1:7">
      <c r="A231" s="7">
        <v>229</v>
      </c>
      <c r="B231" s="8" t="s">
        <v>7</v>
      </c>
      <c r="C231" s="8" t="s">
        <v>15</v>
      </c>
      <c r="D231" s="8" t="s">
        <v>16</v>
      </c>
      <c r="E231" s="8" t="s">
        <v>25</v>
      </c>
      <c r="F231" s="8"/>
      <c r="G231" s="12"/>
    </row>
    <row r="232" spans="1:7">
      <c r="A232" s="7">
        <v>230</v>
      </c>
      <c r="B232" s="8" t="s">
        <v>7</v>
      </c>
      <c r="C232" s="8" t="s">
        <v>18</v>
      </c>
      <c r="D232" s="8" t="s">
        <v>17</v>
      </c>
      <c r="E232" s="8" t="s">
        <v>26</v>
      </c>
      <c r="F232" s="8"/>
      <c r="G232" s="12"/>
    </row>
    <row r="233" spans="1:7">
      <c r="A233" s="7">
        <v>231</v>
      </c>
      <c r="B233" s="8" t="s">
        <v>6</v>
      </c>
      <c r="C233" s="8" t="s">
        <v>19</v>
      </c>
      <c r="D233" s="8" t="s">
        <v>20</v>
      </c>
      <c r="E233" s="8" t="s">
        <v>21</v>
      </c>
      <c r="F233" s="8"/>
      <c r="G233" s="12"/>
    </row>
    <row r="234" spans="1:7">
      <c r="A234" s="7">
        <v>232</v>
      </c>
      <c r="B234" s="8" t="s">
        <v>6</v>
      </c>
      <c r="C234" s="8" t="s">
        <v>23</v>
      </c>
      <c r="D234" s="8" t="s">
        <v>1535</v>
      </c>
      <c r="E234" s="8" t="s">
        <v>24</v>
      </c>
      <c r="F234" s="8"/>
      <c r="G234" s="12"/>
    </row>
    <row r="235" spans="1:7">
      <c r="A235" s="7">
        <v>233</v>
      </c>
      <c r="B235" s="8" t="s">
        <v>6</v>
      </c>
      <c r="C235" s="8" t="s">
        <v>1303</v>
      </c>
      <c r="D235" s="8" t="s">
        <v>1307</v>
      </c>
      <c r="E235" s="8" t="s">
        <v>1305</v>
      </c>
      <c r="F235" s="8"/>
      <c r="G235" s="12"/>
    </row>
    <row r="236" spans="1:7">
      <c r="A236" s="7">
        <v>234</v>
      </c>
      <c r="B236" s="8" t="s">
        <v>6</v>
      </c>
      <c r="C236" s="8" t="s">
        <v>1306</v>
      </c>
      <c r="D236" s="8" t="s">
        <v>1304</v>
      </c>
      <c r="E236" s="8" t="s">
        <v>1477</v>
      </c>
      <c r="F236" s="8"/>
      <c r="G236" s="12"/>
    </row>
    <row r="237" spans="1:7" ht="28.8">
      <c r="A237" s="7">
        <v>235</v>
      </c>
      <c r="B237" s="8" t="s">
        <v>6</v>
      </c>
      <c r="C237" s="8" t="s">
        <v>1308</v>
      </c>
      <c r="D237" s="10" t="s">
        <v>1390</v>
      </c>
      <c r="E237" s="8" t="s">
        <v>1309</v>
      </c>
      <c r="F237" s="8"/>
      <c r="G237" s="12"/>
    </row>
    <row r="238" spans="1:7">
      <c r="A238" s="7">
        <v>236</v>
      </c>
      <c r="B238" s="8" t="s">
        <v>6</v>
      </c>
      <c r="C238" s="8" t="s">
        <v>1558</v>
      </c>
      <c r="D238" s="10" t="s">
        <v>1559</v>
      </c>
      <c r="E238" s="8" t="s">
        <v>22</v>
      </c>
      <c r="F238" s="8"/>
      <c r="G238" s="12"/>
    </row>
    <row r="239" spans="1:7">
      <c r="A239" s="7">
        <v>237</v>
      </c>
      <c r="B239" s="18" t="s">
        <v>6</v>
      </c>
      <c r="C239" s="18" t="s">
        <v>1719</v>
      </c>
      <c r="D239" s="18" t="s">
        <v>1720</v>
      </c>
      <c r="E239" s="18" t="s">
        <v>1721</v>
      </c>
      <c r="F239" s="18"/>
      <c r="G239" s="12"/>
    </row>
    <row r="240" spans="1:7">
      <c r="A240" s="7">
        <v>238</v>
      </c>
      <c r="B240" s="8" t="s">
        <v>27</v>
      </c>
      <c r="C240" s="8" t="s">
        <v>28</v>
      </c>
      <c r="D240" s="8" t="s">
        <v>29</v>
      </c>
      <c r="E240" s="8" t="s">
        <v>30</v>
      </c>
      <c r="F240" s="8"/>
      <c r="G240" s="12"/>
    </row>
    <row r="241" spans="1:7">
      <c r="A241" s="7">
        <v>239</v>
      </c>
      <c r="B241" s="8" t="s">
        <v>27</v>
      </c>
      <c r="C241" s="8" t="s">
        <v>31</v>
      </c>
      <c r="D241" s="8" t="s">
        <v>150</v>
      </c>
      <c r="E241" s="8" t="s">
        <v>32</v>
      </c>
      <c r="F241" s="8"/>
      <c r="G241" s="12"/>
    </row>
    <row r="242" spans="1:7">
      <c r="A242" s="7">
        <v>240</v>
      </c>
      <c r="B242" s="8" t="s">
        <v>27</v>
      </c>
      <c r="C242" s="8" t="s">
        <v>33</v>
      </c>
      <c r="D242" s="8" t="s">
        <v>151</v>
      </c>
      <c r="E242" s="8" t="s">
        <v>34</v>
      </c>
      <c r="F242" s="8"/>
      <c r="G242" s="12"/>
    </row>
    <row r="243" spans="1:7">
      <c r="A243" s="7">
        <v>241</v>
      </c>
      <c r="B243" s="8" t="s">
        <v>27</v>
      </c>
      <c r="C243" s="8" t="s">
        <v>35</v>
      </c>
      <c r="D243" s="8" t="s">
        <v>152</v>
      </c>
      <c r="E243" s="8" t="s">
        <v>36</v>
      </c>
      <c r="F243" s="8"/>
      <c r="G243" s="12"/>
    </row>
    <row r="244" spans="1:7">
      <c r="A244" s="7">
        <v>242</v>
      </c>
      <c r="B244" s="8" t="s">
        <v>27</v>
      </c>
      <c r="C244" s="8" t="s">
        <v>37</v>
      </c>
      <c r="D244" s="8" t="s">
        <v>153</v>
      </c>
      <c r="E244" s="8" t="s">
        <v>38</v>
      </c>
      <c r="F244" s="8"/>
      <c r="G244" s="12"/>
    </row>
    <row r="245" spans="1:7">
      <c r="A245" s="7">
        <v>243</v>
      </c>
      <c r="B245" s="8" t="s">
        <v>27</v>
      </c>
      <c r="C245" s="8" t="s">
        <v>39</v>
      </c>
      <c r="D245" s="8" t="s">
        <v>154</v>
      </c>
      <c r="E245" s="8" t="s">
        <v>40</v>
      </c>
      <c r="F245" s="8"/>
      <c r="G245" s="12"/>
    </row>
    <row r="246" spans="1:7">
      <c r="A246" s="7">
        <v>244</v>
      </c>
      <c r="B246" s="8" t="s">
        <v>27</v>
      </c>
      <c r="C246" s="8" t="s">
        <v>41</v>
      </c>
      <c r="D246" s="8" t="s">
        <v>155</v>
      </c>
      <c r="E246" s="8" t="s">
        <v>42</v>
      </c>
      <c r="F246" s="8"/>
      <c r="G246" s="12"/>
    </row>
    <row r="247" spans="1:7">
      <c r="A247" s="7">
        <v>245</v>
      </c>
      <c r="B247" s="8" t="s">
        <v>27</v>
      </c>
      <c r="C247" s="8" t="s">
        <v>43</v>
      </c>
      <c r="D247" s="8" t="s">
        <v>156</v>
      </c>
      <c r="E247" s="8" t="s">
        <v>44</v>
      </c>
      <c r="F247" s="8"/>
      <c r="G247" s="12"/>
    </row>
    <row r="248" spans="1:7">
      <c r="A248" s="7">
        <v>246</v>
      </c>
      <c r="B248" s="8" t="s">
        <v>27</v>
      </c>
      <c r="C248" s="8" t="s">
        <v>45</v>
      </c>
      <c r="D248" s="8" t="s">
        <v>157</v>
      </c>
      <c r="E248" s="8" t="s">
        <v>46</v>
      </c>
      <c r="F248" s="8"/>
      <c r="G248" s="12"/>
    </row>
    <row r="249" spans="1:7">
      <c r="A249" s="7">
        <v>247</v>
      </c>
      <c r="B249" s="8" t="s">
        <v>27</v>
      </c>
      <c r="C249" s="8" t="s">
        <v>47</v>
      </c>
      <c r="D249" s="8" t="s">
        <v>158</v>
      </c>
      <c r="E249" s="8" t="s">
        <v>48</v>
      </c>
      <c r="F249" s="8"/>
      <c r="G249" s="12"/>
    </row>
    <row r="250" spans="1:7">
      <c r="A250" s="7">
        <v>248</v>
      </c>
      <c r="B250" s="8" t="s">
        <v>27</v>
      </c>
      <c r="C250" s="8" t="s">
        <v>49</v>
      </c>
      <c r="D250" s="8" t="s">
        <v>159</v>
      </c>
      <c r="E250" s="8" t="s">
        <v>50</v>
      </c>
      <c r="F250" s="8"/>
      <c r="G250" s="12"/>
    </row>
    <row r="251" spans="1:7">
      <c r="A251" s="7">
        <v>249</v>
      </c>
      <c r="B251" s="8" t="s">
        <v>27</v>
      </c>
      <c r="C251" s="8" t="s">
        <v>51</v>
      </c>
      <c r="D251" s="8" t="s">
        <v>1536</v>
      </c>
      <c r="E251" s="8" t="s">
        <v>1537</v>
      </c>
      <c r="F251" s="8"/>
      <c r="G251" s="12"/>
    </row>
    <row r="252" spans="1:7">
      <c r="A252" s="7">
        <v>250</v>
      </c>
      <c r="B252" s="8" t="s">
        <v>27</v>
      </c>
      <c r="C252" s="8" t="s">
        <v>52</v>
      </c>
      <c r="D252" s="8" t="s">
        <v>160</v>
      </c>
      <c r="E252" s="8" t="s">
        <v>53</v>
      </c>
      <c r="F252" s="8"/>
      <c r="G252" s="12"/>
    </row>
    <row r="253" spans="1:7">
      <c r="A253" s="7">
        <v>251</v>
      </c>
      <c r="B253" s="8" t="s">
        <v>27</v>
      </c>
      <c r="C253" s="8" t="s">
        <v>54</v>
      </c>
      <c r="D253" s="8" t="s">
        <v>161</v>
      </c>
      <c r="E253" s="8" t="s">
        <v>55</v>
      </c>
      <c r="F253" s="8"/>
      <c r="G253" s="12"/>
    </row>
    <row r="254" spans="1:7">
      <c r="A254" s="7">
        <v>252</v>
      </c>
      <c r="B254" s="8" t="s">
        <v>27</v>
      </c>
      <c r="C254" s="8" t="s">
        <v>56</v>
      </c>
      <c r="D254" s="8" t="s">
        <v>162</v>
      </c>
      <c r="E254" s="8" t="s">
        <v>57</v>
      </c>
      <c r="F254" s="8"/>
      <c r="G254" s="12"/>
    </row>
    <row r="255" spans="1:7">
      <c r="A255" s="7">
        <v>253</v>
      </c>
      <c r="B255" s="8" t="s">
        <v>27</v>
      </c>
      <c r="C255" s="8" t="s">
        <v>58</v>
      </c>
      <c r="D255" s="8" t="s">
        <v>163</v>
      </c>
      <c r="E255" s="8" t="s">
        <v>59</v>
      </c>
      <c r="F255" s="8"/>
      <c r="G255" s="12"/>
    </row>
    <row r="256" spans="1:7">
      <c r="A256" s="7">
        <v>254</v>
      </c>
      <c r="B256" s="8" t="s">
        <v>27</v>
      </c>
      <c r="C256" s="8" t="s">
        <v>60</v>
      </c>
      <c r="D256" s="8" t="s">
        <v>164</v>
      </c>
      <c r="E256" s="8" t="s">
        <v>61</v>
      </c>
      <c r="F256" s="8"/>
      <c r="G256" s="12"/>
    </row>
    <row r="257" spans="1:7">
      <c r="A257" s="7">
        <v>255</v>
      </c>
      <c r="B257" s="8" t="s">
        <v>27</v>
      </c>
      <c r="C257" s="8" t="s">
        <v>62</v>
      </c>
      <c r="D257" s="8" t="s">
        <v>165</v>
      </c>
      <c r="E257" s="8" t="s">
        <v>63</v>
      </c>
      <c r="F257" s="8"/>
      <c r="G257" s="12"/>
    </row>
    <row r="258" spans="1:7">
      <c r="A258" s="7">
        <v>256</v>
      </c>
      <c r="B258" s="8" t="s">
        <v>27</v>
      </c>
      <c r="C258" s="8" t="s">
        <v>64</v>
      </c>
      <c r="D258" s="8" t="s">
        <v>166</v>
      </c>
      <c r="E258" s="8" t="s">
        <v>65</v>
      </c>
      <c r="F258" s="8"/>
      <c r="G258" s="12"/>
    </row>
    <row r="259" spans="1:7">
      <c r="A259" s="7">
        <v>257</v>
      </c>
      <c r="B259" s="8" t="s">
        <v>27</v>
      </c>
      <c r="C259" s="8" t="s">
        <v>66</v>
      </c>
      <c r="D259" s="8" t="s">
        <v>167</v>
      </c>
      <c r="E259" s="8" t="s">
        <v>67</v>
      </c>
      <c r="F259" s="17"/>
      <c r="G259" s="12"/>
    </row>
    <row r="260" spans="1:7">
      <c r="A260" s="7">
        <v>258</v>
      </c>
      <c r="B260" s="8" t="s">
        <v>27</v>
      </c>
      <c r="C260" s="8" t="s">
        <v>1223</v>
      </c>
      <c r="D260" s="8" t="s">
        <v>1224</v>
      </c>
      <c r="E260" s="8" t="s">
        <v>1225</v>
      </c>
      <c r="F260" s="17"/>
      <c r="G260" s="12"/>
    </row>
    <row r="261" spans="1:7">
      <c r="A261" s="7">
        <v>259</v>
      </c>
      <c r="B261" s="8" t="s">
        <v>27</v>
      </c>
      <c r="C261" s="8" t="s">
        <v>1735</v>
      </c>
      <c r="D261" s="8" t="s">
        <v>1310</v>
      </c>
      <c r="E261" s="8" t="s">
        <v>1311</v>
      </c>
      <c r="F261" s="17"/>
      <c r="G261" s="12"/>
    </row>
    <row r="262" spans="1:7">
      <c r="A262" s="7">
        <v>260</v>
      </c>
      <c r="B262" s="8" t="s">
        <v>27</v>
      </c>
      <c r="C262" s="8" t="s">
        <v>1312</v>
      </c>
      <c r="D262" s="8" t="s">
        <v>1313</v>
      </c>
      <c r="E262" s="8" t="s">
        <v>1314</v>
      </c>
      <c r="F262" s="17"/>
      <c r="G262" s="12"/>
    </row>
    <row r="263" spans="1:7">
      <c r="A263" s="7">
        <v>261</v>
      </c>
      <c r="B263" s="8" t="s">
        <v>886</v>
      </c>
      <c r="C263" s="8" t="s">
        <v>887</v>
      </c>
      <c r="D263" s="8" t="s">
        <v>1135</v>
      </c>
      <c r="E263" s="8" t="s">
        <v>888</v>
      </c>
      <c r="F263" s="8"/>
      <c r="G263" s="12"/>
    </row>
    <row r="264" spans="1:7">
      <c r="A264" s="7">
        <v>262</v>
      </c>
      <c r="B264" s="8" t="s">
        <v>886</v>
      </c>
      <c r="C264" s="8" t="s">
        <v>889</v>
      </c>
      <c r="D264" s="8" t="s">
        <v>1498</v>
      </c>
      <c r="E264" s="8" t="s">
        <v>890</v>
      </c>
      <c r="F264" s="8"/>
      <c r="G264" s="12"/>
    </row>
    <row r="265" spans="1:7">
      <c r="A265" s="7">
        <v>263</v>
      </c>
      <c r="B265" s="8" t="s">
        <v>886</v>
      </c>
      <c r="C265" s="8" t="s">
        <v>891</v>
      </c>
      <c r="D265" s="8" t="s">
        <v>1136</v>
      </c>
      <c r="E265" s="8" t="s">
        <v>892</v>
      </c>
      <c r="F265" s="8"/>
      <c r="G265" s="12"/>
    </row>
    <row r="266" spans="1:7">
      <c r="A266" s="7">
        <v>264</v>
      </c>
      <c r="B266" s="8" t="s">
        <v>886</v>
      </c>
      <c r="C266" s="8" t="s">
        <v>893</v>
      </c>
      <c r="D266" s="8" t="s">
        <v>1499</v>
      </c>
      <c r="E266" s="8" t="s">
        <v>894</v>
      </c>
      <c r="F266" s="8"/>
      <c r="G266" s="12"/>
    </row>
    <row r="267" spans="1:7">
      <c r="A267" s="7">
        <v>265</v>
      </c>
      <c r="B267" s="8" t="s">
        <v>886</v>
      </c>
      <c r="C267" s="8" t="s">
        <v>895</v>
      </c>
      <c r="D267" s="8" t="s">
        <v>1137</v>
      </c>
      <c r="E267" s="8" t="s">
        <v>896</v>
      </c>
      <c r="F267" s="8"/>
      <c r="G267" s="12"/>
    </row>
    <row r="268" spans="1:7">
      <c r="A268" s="7">
        <v>266</v>
      </c>
      <c r="B268" s="8" t="s">
        <v>886</v>
      </c>
      <c r="C268" s="8" t="s">
        <v>897</v>
      </c>
      <c r="D268" s="8" t="s">
        <v>898</v>
      </c>
      <c r="E268" s="8" t="s">
        <v>899</v>
      </c>
      <c r="F268" s="8"/>
      <c r="G268" s="12"/>
    </row>
    <row r="269" spans="1:7">
      <c r="A269" s="7">
        <v>267</v>
      </c>
      <c r="B269" s="8" t="s">
        <v>886</v>
      </c>
      <c r="C269" s="8" t="s">
        <v>900</v>
      </c>
      <c r="D269" s="8" t="s">
        <v>1138</v>
      </c>
      <c r="E269" s="8" t="s">
        <v>901</v>
      </c>
      <c r="F269" s="8"/>
      <c r="G269" s="12"/>
    </row>
    <row r="270" spans="1:7">
      <c r="A270" s="7">
        <v>268</v>
      </c>
      <c r="B270" s="8" t="s">
        <v>886</v>
      </c>
      <c r="C270" s="8" t="s">
        <v>902</v>
      </c>
      <c r="D270" s="8" t="s">
        <v>1139</v>
      </c>
      <c r="E270" s="8" t="s">
        <v>903</v>
      </c>
      <c r="F270" s="8"/>
      <c r="G270" s="12"/>
    </row>
    <row r="271" spans="1:7">
      <c r="A271" s="7">
        <v>269</v>
      </c>
      <c r="B271" s="8" t="s">
        <v>886</v>
      </c>
      <c r="C271" s="8" t="s">
        <v>904</v>
      </c>
      <c r="D271" s="8" t="s">
        <v>1140</v>
      </c>
      <c r="E271" s="8" t="s">
        <v>905</v>
      </c>
      <c r="F271" s="8"/>
      <c r="G271" s="12"/>
    </row>
    <row r="272" spans="1:7">
      <c r="A272" s="7">
        <v>270</v>
      </c>
      <c r="B272" s="8" t="s">
        <v>886</v>
      </c>
      <c r="C272" s="8" t="s">
        <v>906</v>
      </c>
      <c r="D272" s="8" t="s">
        <v>1141</v>
      </c>
      <c r="E272" s="8" t="s">
        <v>907</v>
      </c>
      <c r="F272" s="8"/>
      <c r="G272" s="12"/>
    </row>
    <row r="273" spans="1:7">
      <c r="A273" s="7">
        <v>271</v>
      </c>
      <c r="B273" s="8" t="s">
        <v>886</v>
      </c>
      <c r="C273" s="8" t="s">
        <v>908</v>
      </c>
      <c r="D273" s="8" t="s">
        <v>909</v>
      </c>
      <c r="E273" s="8" t="s">
        <v>910</v>
      </c>
      <c r="F273" s="8"/>
      <c r="G273" s="12"/>
    </row>
    <row r="274" spans="1:7">
      <c r="A274" s="7">
        <v>272</v>
      </c>
      <c r="B274" s="8" t="s">
        <v>886</v>
      </c>
      <c r="C274" s="8" t="s">
        <v>911</v>
      </c>
      <c r="D274" s="8" t="s">
        <v>1142</v>
      </c>
      <c r="E274" s="8" t="s">
        <v>912</v>
      </c>
      <c r="F274" s="8"/>
      <c r="G274" s="12"/>
    </row>
    <row r="275" spans="1:7">
      <c r="A275" s="7">
        <v>273</v>
      </c>
      <c r="B275" s="19" t="s">
        <v>839</v>
      </c>
      <c r="C275" s="11" t="s">
        <v>840</v>
      </c>
      <c r="D275" s="11" t="s">
        <v>1143</v>
      </c>
      <c r="E275" s="11" t="s">
        <v>841</v>
      </c>
      <c r="F275" s="11"/>
      <c r="G275" s="12"/>
    </row>
    <row r="276" spans="1:7">
      <c r="A276" s="7">
        <v>274</v>
      </c>
      <c r="B276" s="19" t="s">
        <v>839</v>
      </c>
      <c r="C276" s="11" t="s">
        <v>842</v>
      </c>
      <c r="D276" s="11" t="s">
        <v>1144</v>
      </c>
      <c r="E276" s="11" t="s">
        <v>843</v>
      </c>
      <c r="F276" s="11"/>
      <c r="G276" s="12"/>
    </row>
    <row r="277" spans="1:7">
      <c r="A277" s="7">
        <v>275</v>
      </c>
      <c r="B277" s="19" t="s">
        <v>839</v>
      </c>
      <c r="C277" s="11" t="s">
        <v>844</v>
      </c>
      <c r="D277" s="11" t="s">
        <v>1145</v>
      </c>
      <c r="E277" s="11" t="s">
        <v>845</v>
      </c>
      <c r="F277" s="11"/>
      <c r="G277" s="12"/>
    </row>
    <row r="278" spans="1:7">
      <c r="A278" s="7">
        <v>276</v>
      </c>
      <c r="B278" s="19" t="s">
        <v>839</v>
      </c>
      <c r="C278" s="11" t="s">
        <v>846</v>
      </c>
      <c r="D278" s="11" t="s">
        <v>1146</v>
      </c>
      <c r="E278" s="11" t="s">
        <v>847</v>
      </c>
      <c r="F278" s="11"/>
      <c r="G278" s="12"/>
    </row>
    <row r="279" spans="1:7">
      <c r="A279" s="7">
        <v>277</v>
      </c>
      <c r="B279" s="19" t="s">
        <v>839</v>
      </c>
      <c r="C279" s="11" t="s">
        <v>848</v>
      </c>
      <c r="D279" s="11" t="s">
        <v>1147</v>
      </c>
      <c r="E279" s="11" t="s">
        <v>849</v>
      </c>
      <c r="F279" s="11"/>
      <c r="G279" s="12"/>
    </row>
    <row r="280" spans="1:7">
      <c r="A280" s="7">
        <v>278</v>
      </c>
      <c r="B280" s="19" t="s">
        <v>839</v>
      </c>
      <c r="C280" s="11" t="s">
        <v>850</v>
      </c>
      <c r="D280" s="11" t="s">
        <v>1148</v>
      </c>
      <c r="E280" s="11" t="s">
        <v>851</v>
      </c>
      <c r="F280" s="11"/>
      <c r="G280" s="12"/>
    </row>
    <row r="281" spans="1:7">
      <c r="A281" s="7">
        <v>279</v>
      </c>
      <c r="B281" s="19" t="s">
        <v>839</v>
      </c>
      <c r="C281" s="11" t="s">
        <v>47</v>
      </c>
      <c r="D281" s="11" t="s">
        <v>1149</v>
      </c>
      <c r="E281" s="11" t="s">
        <v>852</v>
      </c>
      <c r="F281" s="11"/>
      <c r="G281" s="12"/>
    </row>
    <row r="282" spans="1:7">
      <c r="A282" s="7">
        <v>280</v>
      </c>
      <c r="B282" s="19" t="s">
        <v>839</v>
      </c>
      <c r="C282" s="11" t="s">
        <v>853</v>
      </c>
      <c r="D282" s="11" t="s">
        <v>1150</v>
      </c>
      <c r="E282" s="11" t="s">
        <v>854</v>
      </c>
      <c r="F282" s="11"/>
      <c r="G282" s="12"/>
    </row>
    <row r="283" spans="1:7" ht="28.8">
      <c r="A283" s="7">
        <v>281</v>
      </c>
      <c r="B283" s="19" t="s">
        <v>839</v>
      </c>
      <c r="C283" s="11" t="s">
        <v>855</v>
      </c>
      <c r="D283" s="9" t="s">
        <v>1151</v>
      </c>
      <c r="E283" s="11" t="s">
        <v>856</v>
      </c>
      <c r="F283" s="11"/>
      <c r="G283" s="12"/>
    </row>
    <row r="284" spans="1:7">
      <c r="A284" s="7">
        <v>282</v>
      </c>
      <c r="B284" s="19" t="s">
        <v>839</v>
      </c>
      <c r="C284" s="11" t="s">
        <v>857</v>
      </c>
      <c r="D284" s="11" t="s">
        <v>1152</v>
      </c>
      <c r="E284" s="11" t="s">
        <v>858</v>
      </c>
      <c r="F284" s="11"/>
      <c r="G284" s="12"/>
    </row>
    <row r="285" spans="1:7">
      <c r="A285" s="7">
        <v>283</v>
      </c>
      <c r="B285" s="19" t="s">
        <v>839</v>
      </c>
      <c r="C285" s="11" t="s">
        <v>859</v>
      </c>
      <c r="D285" s="11" t="s">
        <v>1153</v>
      </c>
      <c r="E285" s="11" t="s">
        <v>860</v>
      </c>
      <c r="F285" s="11"/>
      <c r="G285" s="12"/>
    </row>
    <row r="286" spans="1:7">
      <c r="A286" s="7">
        <v>284</v>
      </c>
      <c r="B286" s="19" t="s">
        <v>839</v>
      </c>
      <c r="C286" s="11" t="s">
        <v>861</v>
      </c>
      <c r="D286" s="11" t="s">
        <v>1154</v>
      </c>
      <c r="E286" s="11" t="s">
        <v>862</v>
      </c>
      <c r="F286" s="11"/>
      <c r="G286" s="12"/>
    </row>
    <row r="287" spans="1:7">
      <c r="A287" s="7">
        <v>285</v>
      </c>
      <c r="B287" s="19" t="s">
        <v>839</v>
      </c>
      <c r="C287" s="11" t="s">
        <v>863</v>
      </c>
      <c r="D287" s="11" t="s">
        <v>1155</v>
      </c>
      <c r="E287" s="11" t="s">
        <v>864</v>
      </c>
      <c r="F287" s="11"/>
      <c r="G287" s="12"/>
    </row>
    <row r="288" spans="1:7" ht="28.8">
      <c r="A288" s="7">
        <v>286</v>
      </c>
      <c r="B288" s="19" t="s">
        <v>839</v>
      </c>
      <c r="C288" s="17" t="s">
        <v>1269</v>
      </c>
      <c r="D288" s="16" t="s">
        <v>1381</v>
      </c>
      <c r="E288" s="19" t="s">
        <v>1270</v>
      </c>
      <c r="F288" s="10"/>
      <c r="G288" s="12"/>
    </row>
    <row r="289" spans="1:7">
      <c r="A289" s="7">
        <v>287</v>
      </c>
      <c r="B289" s="19" t="s">
        <v>839</v>
      </c>
      <c r="C289" s="17" t="s">
        <v>1271</v>
      </c>
      <c r="D289" s="17" t="s">
        <v>1377</v>
      </c>
      <c r="E289" s="19" t="s">
        <v>1272</v>
      </c>
      <c r="F289" s="10"/>
      <c r="G289" s="12"/>
    </row>
    <row r="290" spans="1:7" ht="28.8">
      <c r="A290" s="7">
        <v>288</v>
      </c>
      <c r="B290" s="19" t="s">
        <v>839</v>
      </c>
      <c r="C290" s="17" t="s">
        <v>1315</v>
      </c>
      <c r="D290" s="16" t="s">
        <v>1378</v>
      </c>
      <c r="E290" s="19" t="s">
        <v>1318</v>
      </c>
      <c r="F290" s="17"/>
      <c r="G290" s="12"/>
    </row>
    <row r="291" spans="1:7">
      <c r="A291" s="7">
        <v>289</v>
      </c>
      <c r="B291" s="19" t="s">
        <v>839</v>
      </c>
      <c r="C291" s="17" t="s">
        <v>1316</v>
      </c>
      <c r="D291" s="17" t="s">
        <v>1379</v>
      </c>
      <c r="E291" s="19" t="s">
        <v>1319</v>
      </c>
      <c r="F291" s="17"/>
      <c r="G291" s="12"/>
    </row>
    <row r="292" spans="1:7">
      <c r="A292" s="7">
        <v>290</v>
      </c>
      <c r="B292" s="19" t="s">
        <v>839</v>
      </c>
      <c r="C292" s="17" t="s">
        <v>1317</v>
      </c>
      <c r="D292" s="17" t="s">
        <v>1380</v>
      </c>
      <c r="E292" s="19" t="s">
        <v>1320</v>
      </c>
      <c r="F292" s="17"/>
      <c r="G292" s="12"/>
    </row>
    <row r="293" spans="1:7">
      <c r="A293" s="7">
        <v>291</v>
      </c>
      <c r="B293" s="8" t="s">
        <v>1481</v>
      </c>
      <c r="C293" s="8" t="s">
        <v>1482</v>
      </c>
      <c r="D293" s="8" t="s">
        <v>1483</v>
      </c>
      <c r="E293" s="10" t="s">
        <v>1484</v>
      </c>
      <c r="F293" s="17"/>
      <c r="G293" s="12"/>
    </row>
    <row r="294" spans="1:7">
      <c r="A294" s="7">
        <v>292</v>
      </c>
      <c r="B294" s="8" t="s">
        <v>1481</v>
      </c>
      <c r="C294" s="8" t="s">
        <v>1485</v>
      </c>
      <c r="D294" s="8" t="s">
        <v>1486</v>
      </c>
      <c r="E294" s="8" t="s">
        <v>1487</v>
      </c>
      <c r="F294" s="17"/>
      <c r="G294" s="12"/>
    </row>
    <row r="295" spans="1:7" ht="28.8">
      <c r="A295" s="7">
        <v>293</v>
      </c>
      <c r="B295" s="8" t="s">
        <v>1488</v>
      </c>
      <c r="C295" s="10" t="s">
        <v>1489</v>
      </c>
      <c r="D295" s="8" t="s">
        <v>1490</v>
      </c>
      <c r="E295" s="8" t="s">
        <v>1491</v>
      </c>
      <c r="F295" s="17"/>
      <c r="G295" s="12"/>
    </row>
    <row r="296" spans="1:7">
      <c r="A296" s="7">
        <v>294</v>
      </c>
      <c r="B296" s="8" t="s">
        <v>1488</v>
      </c>
      <c r="C296" s="8" t="s">
        <v>1492</v>
      </c>
      <c r="D296" s="8" t="s">
        <v>1493</v>
      </c>
      <c r="E296" s="8" t="s">
        <v>1494</v>
      </c>
      <c r="F296" s="17"/>
      <c r="G296" s="12"/>
    </row>
    <row r="297" spans="1:7">
      <c r="A297" s="7">
        <v>295</v>
      </c>
      <c r="B297" s="8" t="s">
        <v>839</v>
      </c>
      <c r="C297" s="8" t="s">
        <v>1552</v>
      </c>
      <c r="D297" s="8" t="s">
        <v>1553</v>
      </c>
      <c r="E297" s="8" t="s">
        <v>1554</v>
      </c>
      <c r="F297" s="17"/>
      <c r="G297" s="12"/>
    </row>
    <row r="298" spans="1:7">
      <c r="A298" s="7">
        <v>296</v>
      </c>
      <c r="B298" s="18" t="s">
        <v>839</v>
      </c>
      <c r="C298" s="18" t="s">
        <v>1692</v>
      </c>
      <c r="D298" s="20" t="s">
        <v>1693</v>
      </c>
      <c r="E298" s="18" t="s">
        <v>1694</v>
      </c>
      <c r="F298" s="18"/>
      <c r="G298" s="18" t="s">
        <v>1676</v>
      </c>
    </row>
    <row r="299" spans="1:7">
      <c r="A299" s="7">
        <v>297</v>
      </c>
      <c r="B299" s="8" t="s">
        <v>68</v>
      </c>
      <c r="C299" s="8" t="s">
        <v>69</v>
      </c>
      <c r="D299" s="8" t="s">
        <v>791</v>
      </c>
      <c r="E299" s="8" t="s">
        <v>70</v>
      </c>
      <c r="F299" s="8"/>
      <c r="G299" s="12"/>
    </row>
    <row r="300" spans="1:7">
      <c r="A300" s="7">
        <v>298</v>
      </c>
      <c r="B300" s="8" t="s">
        <v>68</v>
      </c>
      <c r="C300" s="8" t="s">
        <v>71</v>
      </c>
      <c r="D300" s="8" t="s">
        <v>792</v>
      </c>
      <c r="E300" s="8" t="s">
        <v>72</v>
      </c>
      <c r="F300" s="8"/>
      <c r="G300" s="12"/>
    </row>
    <row r="301" spans="1:7">
      <c r="A301" s="7">
        <v>299</v>
      </c>
      <c r="B301" s="8" t="s">
        <v>68</v>
      </c>
      <c r="C301" s="8" t="s">
        <v>73</v>
      </c>
      <c r="D301" s="8" t="s">
        <v>793</v>
      </c>
      <c r="E301" s="8" t="s">
        <v>74</v>
      </c>
      <c r="F301" s="8"/>
      <c r="G301" s="12"/>
    </row>
    <row r="302" spans="1:7">
      <c r="A302" s="7">
        <v>300</v>
      </c>
      <c r="B302" s="8" t="s">
        <v>68</v>
      </c>
      <c r="C302" s="8" t="s">
        <v>75</v>
      </c>
      <c r="D302" s="8" t="s">
        <v>794</v>
      </c>
      <c r="E302" s="8" t="s">
        <v>76</v>
      </c>
      <c r="F302" s="8"/>
      <c r="G302" s="12"/>
    </row>
    <row r="303" spans="1:7">
      <c r="A303" s="7">
        <v>301</v>
      </c>
      <c r="B303" s="8" t="s">
        <v>68</v>
      </c>
      <c r="C303" s="8" t="s">
        <v>77</v>
      </c>
      <c r="D303" s="8" t="s">
        <v>796</v>
      </c>
      <c r="E303" s="8" t="s">
        <v>78</v>
      </c>
      <c r="F303" s="8"/>
      <c r="G303" s="12"/>
    </row>
    <row r="304" spans="1:7">
      <c r="A304" s="7">
        <v>302</v>
      </c>
      <c r="B304" s="8" t="s">
        <v>68</v>
      </c>
      <c r="C304" s="8" t="s">
        <v>79</v>
      </c>
      <c r="D304" s="8" t="s">
        <v>795</v>
      </c>
      <c r="E304" s="8" t="s">
        <v>80</v>
      </c>
      <c r="F304" s="8"/>
      <c r="G304" s="12"/>
    </row>
    <row r="305" spans="1:7">
      <c r="A305" s="7">
        <v>303</v>
      </c>
      <c r="B305" s="8" t="s">
        <v>68</v>
      </c>
      <c r="C305" s="8" t="s">
        <v>81</v>
      </c>
      <c r="D305" s="8" t="s">
        <v>797</v>
      </c>
      <c r="E305" s="8" t="s">
        <v>82</v>
      </c>
      <c r="F305" s="8"/>
      <c r="G305" s="12"/>
    </row>
    <row r="306" spans="1:7">
      <c r="A306" s="7">
        <v>304</v>
      </c>
      <c r="B306" s="8" t="s">
        <v>68</v>
      </c>
      <c r="C306" s="8" t="s">
        <v>83</v>
      </c>
      <c r="D306" s="8" t="s">
        <v>798</v>
      </c>
      <c r="E306" s="8" t="s">
        <v>84</v>
      </c>
      <c r="F306" s="8"/>
      <c r="G306" s="12"/>
    </row>
    <row r="307" spans="1:7">
      <c r="A307" s="7">
        <v>305</v>
      </c>
      <c r="B307" s="8" t="s">
        <v>68</v>
      </c>
      <c r="C307" s="8" t="s">
        <v>85</v>
      </c>
      <c r="D307" s="8" t="s">
        <v>799</v>
      </c>
      <c r="E307" s="8" t="s">
        <v>86</v>
      </c>
      <c r="F307" s="8"/>
      <c r="G307" s="12"/>
    </row>
    <row r="308" spans="1:7">
      <c r="A308" s="7">
        <v>306</v>
      </c>
      <c r="B308" s="8" t="s">
        <v>68</v>
      </c>
      <c r="C308" s="8" t="s">
        <v>87</v>
      </c>
      <c r="D308" s="8" t="s">
        <v>800</v>
      </c>
      <c r="E308" s="8" t="s">
        <v>88</v>
      </c>
      <c r="F308" s="8"/>
      <c r="G308" s="12"/>
    </row>
    <row r="309" spans="1:7">
      <c r="A309" s="7">
        <v>307</v>
      </c>
      <c r="B309" s="8" t="s">
        <v>68</v>
      </c>
      <c r="C309" s="8" t="s">
        <v>1372</v>
      </c>
      <c r="D309" s="10" t="s">
        <v>1382</v>
      </c>
      <c r="E309" s="8" t="s">
        <v>1373</v>
      </c>
      <c r="F309" s="17"/>
      <c r="G309" s="12"/>
    </row>
    <row r="310" spans="1:7" ht="28.8">
      <c r="A310" s="7">
        <v>308</v>
      </c>
      <c r="B310" s="8" t="s">
        <v>68</v>
      </c>
      <c r="C310" s="16" t="s">
        <v>1480</v>
      </c>
      <c r="D310" s="8" t="s">
        <v>1478</v>
      </c>
      <c r="E310" s="8" t="s">
        <v>1479</v>
      </c>
      <c r="F310" s="17"/>
      <c r="G310" s="12"/>
    </row>
    <row r="311" spans="1:7">
      <c r="A311" s="7">
        <v>309</v>
      </c>
      <c r="B311" s="8" t="s">
        <v>68</v>
      </c>
      <c r="C311" s="10" t="s">
        <v>1673</v>
      </c>
      <c r="D311" s="8" t="s">
        <v>1674</v>
      </c>
      <c r="E311" s="8" t="s">
        <v>1675</v>
      </c>
      <c r="F311" s="8"/>
      <c r="G311" s="12" t="s">
        <v>1676</v>
      </c>
    </row>
    <row r="312" spans="1:7">
      <c r="A312" s="7">
        <v>310</v>
      </c>
      <c r="B312" s="8" t="s">
        <v>68</v>
      </c>
      <c r="C312" s="8" t="s">
        <v>1677</v>
      </c>
      <c r="D312" s="8" t="s">
        <v>1678</v>
      </c>
      <c r="E312" s="8" t="s">
        <v>1679</v>
      </c>
      <c r="F312" s="8"/>
      <c r="G312" s="21" t="s">
        <v>1676</v>
      </c>
    </row>
    <row r="313" spans="1:7">
      <c r="A313" s="7">
        <v>311</v>
      </c>
      <c r="B313" s="8" t="s">
        <v>913</v>
      </c>
      <c r="C313" s="8" t="s">
        <v>914</v>
      </c>
      <c r="D313" s="8" t="s">
        <v>1156</v>
      </c>
      <c r="E313" s="8" t="s">
        <v>915</v>
      </c>
      <c r="F313" s="8"/>
      <c r="G313" s="12"/>
    </row>
    <row r="314" spans="1:7">
      <c r="A314" s="7">
        <v>312</v>
      </c>
      <c r="B314" s="8" t="s">
        <v>913</v>
      </c>
      <c r="C314" s="8" t="s">
        <v>916</v>
      </c>
      <c r="D314" s="8" t="s">
        <v>1157</v>
      </c>
      <c r="E314" s="8" t="s">
        <v>1538</v>
      </c>
      <c r="F314" s="8"/>
      <c r="G314" s="12"/>
    </row>
    <row r="315" spans="1:7">
      <c r="A315" s="7">
        <v>313</v>
      </c>
      <c r="B315" s="8" t="s">
        <v>913</v>
      </c>
      <c r="C315" s="8" t="s">
        <v>917</v>
      </c>
      <c r="D315" s="8" t="s">
        <v>1158</v>
      </c>
      <c r="E315" s="8" t="s">
        <v>1539</v>
      </c>
      <c r="F315" s="8"/>
      <c r="G315" s="12"/>
    </row>
    <row r="316" spans="1:7">
      <c r="A316" s="7">
        <v>314</v>
      </c>
      <c r="B316" s="8" t="s">
        <v>913</v>
      </c>
      <c r="C316" s="17" t="s">
        <v>918</v>
      </c>
      <c r="D316" s="8" t="s">
        <v>1159</v>
      </c>
      <c r="E316" s="8" t="s">
        <v>919</v>
      </c>
      <c r="F316" s="8"/>
      <c r="G316" s="12"/>
    </row>
    <row r="317" spans="1:7">
      <c r="A317" s="7">
        <v>315</v>
      </c>
      <c r="B317" s="8" t="s">
        <v>913</v>
      </c>
      <c r="C317" s="8" t="s">
        <v>920</v>
      </c>
      <c r="D317" s="18" t="s">
        <v>1695</v>
      </c>
      <c r="E317" s="8" t="s">
        <v>921</v>
      </c>
      <c r="F317" s="8"/>
      <c r="G317" s="12"/>
    </row>
    <row r="318" spans="1:7">
      <c r="A318" s="7">
        <v>316</v>
      </c>
      <c r="B318" s="8" t="s">
        <v>913</v>
      </c>
      <c r="C318" s="8" t="s">
        <v>922</v>
      </c>
      <c r="D318" s="8" t="s">
        <v>1160</v>
      </c>
      <c r="E318" s="8" t="s">
        <v>1540</v>
      </c>
      <c r="F318" s="8"/>
      <c r="G318" s="12"/>
    </row>
    <row r="319" spans="1:7">
      <c r="A319" s="7">
        <v>317</v>
      </c>
      <c r="B319" s="8" t="s">
        <v>913</v>
      </c>
      <c r="C319" s="8" t="s">
        <v>923</v>
      </c>
      <c r="D319" s="8" t="s">
        <v>1161</v>
      </c>
      <c r="E319" s="8" t="s">
        <v>924</v>
      </c>
      <c r="F319" s="8"/>
      <c r="G319" s="12"/>
    </row>
    <row r="320" spans="1:7" ht="28.8">
      <c r="A320" s="7">
        <v>318</v>
      </c>
      <c r="B320" s="8" t="s">
        <v>913</v>
      </c>
      <c r="C320" s="8" t="s">
        <v>925</v>
      </c>
      <c r="D320" s="16" t="s">
        <v>1162</v>
      </c>
      <c r="E320" s="8" t="s">
        <v>926</v>
      </c>
      <c r="F320" s="8"/>
      <c r="G320" s="12"/>
    </row>
    <row r="321" spans="1:7">
      <c r="A321" s="7">
        <v>319</v>
      </c>
      <c r="B321" s="8" t="s">
        <v>913</v>
      </c>
      <c r="C321" s="8" t="s">
        <v>927</v>
      </c>
      <c r="D321" s="8" t="s">
        <v>1163</v>
      </c>
      <c r="E321" s="8" t="s">
        <v>928</v>
      </c>
      <c r="F321" s="8"/>
      <c r="G321" s="12"/>
    </row>
    <row r="322" spans="1:7">
      <c r="A322" s="7">
        <v>320</v>
      </c>
      <c r="B322" s="8" t="s">
        <v>913</v>
      </c>
      <c r="C322" s="8" t="s">
        <v>929</v>
      </c>
      <c r="D322" s="8" t="s">
        <v>1541</v>
      </c>
      <c r="E322" s="8" t="s">
        <v>930</v>
      </c>
      <c r="F322" s="8"/>
      <c r="G322" s="12"/>
    </row>
    <row r="323" spans="1:7">
      <c r="A323" s="7">
        <v>321</v>
      </c>
      <c r="B323" s="8" t="s">
        <v>913</v>
      </c>
      <c r="C323" s="8" t="s">
        <v>931</v>
      </c>
      <c r="D323" s="8" t="s">
        <v>1164</v>
      </c>
      <c r="E323" s="8" t="s">
        <v>932</v>
      </c>
      <c r="F323" s="8"/>
      <c r="G323" s="12"/>
    </row>
    <row r="324" spans="1:7">
      <c r="A324" s="7">
        <v>322</v>
      </c>
      <c r="B324" s="8" t="s">
        <v>913</v>
      </c>
      <c r="C324" s="8" t="s">
        <v>933</v>
      </c>
      <c r="D324" s="8" t="s">
        <v>1165</v>
      </c>
      <c r="E324" s="8" t="s">
        <v>934</v>
      </c>
      <c r="F324" s="8"/>
      <c r="G324" s="12"/>
    </row>
    <row r="325" spans="1:7" ht="28.8">
      <c r="A325" s="7">
        <v>323</v>
      </c>
      <c r="B325" s="8" t="s">
        <v>913</v>
      </c>
      <c r="C325" s="8" t="s">
        <v>935</v>
      </c>
      <c r="D325" s="16" t="s">
        <v>1166</v>
      </c>
      <c r="E325" s="8" t="s">
        <v>936</v>
      </c>
      <c r="F325" s="8"/>
      <c r="G325" s="12"/>
    </row>
    <row r="326" spans="1:7" ht="28.8">
      <c r="A326" s="7">
        <v>324</v>
      </c>
      <c r="B326" s="8" t="s">
        <v>913</v>
      </c>
      <c r="C326" s="8" t="s">
        <v>937</v>
      </c>
      <c r="D326" s="16" t="s">
        <v>1167</v>
      </c>
      <c r="E326" s="8" t="s">
        <v>938</v>
      </c>
      <c r="F326" s="8"/>
      <c r="G326" s="12"/>
    </row>
    <row r="327" spans="1:7">
      <c r="A327" s="7">
        <v>325</v>
      </c>
      <c r="B327" s="8" t="s">
        <v>913</v>
      </c>
      <c r="C327" s="8" t="s">
        <v>939</v>
      </c>
      <c r="D327" s="8" t="s">
        <v>1168</v>
      </c>
      <c r="E327" s="8" t="s">
        <v>940</v>
      </c>
      <c r="F327" s="8"/>
      <c r="G327" s="12"/>
    </row>
    <row r="328" spans="1:7">
      <c r="A328" s="7">
        <v>326</v>
      </c>
      <c r="B328" s="8" t="s">
        <v>913</v>
      </c>
      <c r="C328" s="17" t="s">
        <v>1542</v>
      </c>
      <c r="D328" s="8" t="s">
        <v>1169</v>
      </c>
      <c r="E328" s="8" t="s">
        <v>941</v>
      </c>
      <c r="F328" s="8"/>
      <c r="G328" s="12"/>
    </row>
    <row r="329" spans="1:7">
      <c r="A329" s="7">
        <v>327</v>
      </c>
      <c r="B329" s="8" t="s">
        <v>913</v>
      </c>
      <c r="C329" s="17" t="s">
        <v>942</v>
      </c>
      <c r="D329" s="8" t="s">
        <v>1170</v>
      </c>
      <c r="E329" s="8" t="s">
        <v>943</v>
      </c>
      <c r="F329" s="8"/>
      <c r="G329" s="12"/>
    </row>
    <row r="330" spans="1:7" ht="28.8">
      <c r="A330" s="7">
        <v>328</v>
      </c>
      <c r="B330" s="8" t="s">
        <v>913</v>
      </c>
      <c r="C330" s="8" t="s">
        <v>944</v>
      </c>
      <c r="D330" s="16" t="s">
        <v>1383</v>
      </c>
      <c r="E330" s="8" t="s">
        <v>945</v>
      </c>
      <c r="F330" s="8"/>
      <c r="G330" s="12"/>
    </row>
    <row r="331" spans="1:7">
      <c r="A331" s="7">
        <v>329</v>
      </c>
      <c r="B331" s="8" t="s">
        <v>913</v>
      </c>
      <c r="C331" s="8" t="s">
        <v>946</v>
      </c>
      <c r="D331" s="8" t="s">
        <v>1171</v>
      </c>
      <c r="E331" s="8" t="s">
        <v>947</v>
      </c>
      <c r="F331" s="8"/>
      <c r="G331" s="12"/>
    </row>
    <row r="332" spans="1:7" ht="28.8">
      <c r="A332" s="7">
        <v>330</v>
      </c>
      <c r="B332" s="8" t="s">
        <v>913</v>
      </c>
      <c r="C332" s="8" t="s">
        <v>948</v>
      </c>
      <c r="D332" s="16" t="s">
        <v>1384</v>
      </c>
      <c r="E332" s="8" t="s">
        <v>949</v>
      </c>
      <c r="F332" s="8"/>
      <c r="G332" s="12"/>
    </row>
    <row r="333" spans="1:7" ht="28.8">
      <c r="A333" s="7">
        <v>331</v>
      </c>
      <c r="B333" s="8" t="s">
        <v>913</v>
      </c>
      <c r="C333" s="8" t="s">
        <v>950</v>
      </c>
      <c r="D333" s="16" t="s">
        <v>1172</v>
      </c>
      <c r="E333" s="8" t="s">
        <v>951</v>
      </c>
      <c r="F333" s="8"/>
      <c r="G333" s="12"/>
    </row>
    <row r="334" spans="1:7" ht="28.8">
      <c r="A334" s="7">
        <v>332</v>
      </c>
      <c r="B334" s="8" t="s">
        <v>913</v>
      </c>
      <c r="C334" s="8" t="s">
        <v>952</v>
      </c>
      <c r="D334" s="16" t="s">
        <v>1173</v>
      </c>
      <c r="E334" s="8" t="s">
        <v>953</v>
      </c>
      <c r="F334" s="8"/>
      <c r="G334" s="12"/>
    </row>
    <row r="335" spans="1:7" ht="28.8">
      <c r="A335" s="7">
        <v>333</v>
      </c>
      <c r="B335" s="8" t="s">
        <v>913</v>
      </c>
      <c r="C335" s="8" t="s">
        <v>954</v>
      </c>
      <c r="D335" s="16" t="s">
        <v>1174</v>
      </c>
      <c r="E335" s="8" t="s">
        <v>955</v>
      </c>
      <c r="F335" s="8"/>
      <c r="G335" s="12"/>
    </row>
    <row r="336" spans="1:7" ht="28.8">
      <c r="A336" s="7">
        <v>334</v>
      </c>
      <c r="B336" s="8" t="s">
        <v>913</v>
      </c>
      <c r="C336" s="8" t="s">
        <v>956</v>
      </c>
      <c r="D336" s="16" t="s">
        <v>1175</v>
      </c>
      <c r="E336" s="8" t="s">
        <v>957</v>
      </c>
      <c r="F336" s="8"/>
      <c r="G336" s="12"/>
    </row>
    <row r="337" spans="1:7" ht="28.8">
      <c r="A337" s="7">
        <v>335</v>
      </c>
      <c r="B337" s="8" t="s">
        <v>913</v>
      </c>
      <c r="C337" s="8" t="s">
        <v>958</v>
      </c>
      <c r="D337" s="16" t="s">
        <v>1176</v>
      </c>
      <c r="E337" s="8" t="s">
        <v>959</v>
      </c>
      <c r="F337" s="8"/>
      <c r="G337" s="12"/>
    </row>
    <row r="338" spans="1:7" ht="28.8">
      <c r="A338" s="7">
        <v>336</v>
      </c>
      <c r="B338" s="8" t="s">
        <v>913</v>
      </c>
      <c r="C338" s="8" t="s">
        <v>960</v>
      </c>
      <c r="D338" s="16" t="s">
        <v>1177</v>
      </c>
      <c r="E338" s="8" t="s">
        <v>961</v>
      </c>
      <c r="F338" s="8"/>
      <c r="G338" s="12"/>
    </row>
    <row r="339" spans="1:7">
      <c r="A339" s="7">
        <v>337</v>
      </c>
      <c r="B339" s="8" t="s">
        <v>913</v>
      </c>
      <c r="C339" s="8" t="s">
        <v>962</v>
      </c>
      <c r="D339" s="8" t="s">
        <v>1178</v>
      </c>
      <c r="E339" s="8" t="s">
        <v>963</v>
      </c>
      <c r="F339" s="8"/>
      <c r="G339" s="12"/>
    </row>
    <row r="340" spans="1:7">
      <c r="A340" s="7">
        <v>338</v>
      </c>
      <c r="B340" s="8" t="s">
        <v>913</v>
      </c>
      <c r="C340" s="8" t="s">
        <v>964</v>
      </c>
      <c r="D340" s="8" t="s">
        <v>1179</v>
      </c>
      <c r="E340" s="8" t="s">
        <v>965</v>
      </c>
      <c r="F340" s="8"/>
      <c r="G340" s="12"/>
    </row>
    <row r="341" spans="1:7">
      <c r="A341" s="7">
        <v>339</v>
      </c>
      <c r="B341" s="8" t="s">
        <v>913</v>
      </c>
      <c r="C341" s="8" t="s">
        <v>966</v>
      </c>
      <c r="D341" s="8" t="s">
        <v>1180</v>
      </c>
      <c r="E341" s="8" t="s">
        <v>967</v>
      </c>
      <c r="F341" s="8"/>
      <c r="G341" s="12"/>
    </row>
    <row r="342" spans="1:7">
      <c r="A342" s="7">
        <v>340</v>
      </c>
      <c r="B342" s="8" t="s">
        <v>913</v>
      </c>
      <c r="C342" s="8" t="s">
        <v>1243</v>
      </c>
      <c r="D342" s="16" t="s">
        <v>1244</v>
      </c>
      <c r="E342" s="8" t="s">
        <v>1245</v>
      </c>
      <c r="F342" s="8"/>
      <c r="G342" s="12"/>
    </row>
    <row r="343" spans="1:7">
      <c r="A343" s="7">
        <v>341</v>
      </c>
      <c r="B343" s="8" t="s">
        <v>913</v>
      </c>
      <c r="C343" s="8" t="s">
        <v>1321</v>
      </c>
      <c r="D343" s="16" t="s">
        <v>1385</v>
      </c>
      <c r="E343" s="8" t="s">
        <v>1322</v>
      </c>
      <c r="F343" s="8"/>
      <c r="G343" s="12"/>
    </row>
    <row r="344" spans="1:7">
      <c r="A344" s="7">
        <v>342</v>
      </c>
      <c r="B344" s="8" t="s">
        <v>913</v>
      </c>
      <c r="C344" s="8" t="s">
        <v>1495</v>
      </c>
      <c r="D344" s="16" t="s">
        <v>1496</v>
      </c>
      <c r="E344" s="8" t="s">
        <v>1497</v>
      </c>
      <c r="F344" s="8"/>
      <c r="G344" s="12"/>
    </row>
    <row r="345" spans="1:7" ht="28.8">
      <c r="A345" s="7">
        <v>343</v>
      </c>
      <c r="B345" s="8" t="s">
        <v>913</v>
      </c>
      <c r="C345" s="8" t="s">
        <v>1560</v>
      </c>
      <c r="D345" s="16" t="s">
        <v>1561</v>
      </c>
      <c r="E345" s="8" t="s">
        <v>1562</v>
      </c>
      <c r="F345" s="8"/>
      <c r="G345" s="12"/>
    </row>
    <row r="346" spans="1:7">
      <c r="A346" s="7">
        <v>344</v>
      </c>
      <c r="B346" s="8" t="s">
        <v>913</v>
      </c>
      <c r="C346" s="8" t="s">
        <v>1680</v>
      </c>
      <c r="D346" s="8" t="s">
        <v>1681</v>
      </c>
      <c r="E346" s="8" t="s">
        <v>1682</v>
      </c>
      <c r="F346" s="8"/>
      <c r="G346" s="12"/>
    </row>
    <row r="347" spans="1:7">
      <c r="A347" s="7">
        <v>345</v>
      </c>
      <c r="B347" s="8" t="s">
        <v>1256</v>
      </c>
      <c r="C347" s="8" t="s">
        <v>1257</v>
      </c>
      <c r="D347" s="8" t="s">
        <v>1258</v>
      </c>
      <c r="E347" s="8" t="s">
        <v>1259</v>
      </c>
      <c r="F347" s="8"/>
      <c r="G347" s="12"/>
    </row>
    <row r="348" spans="1:7">
      <c r="A348" s="7">
        <v>346</v>
      </c>
      <c r="B348" s="8" t="s">
        <v>1256</v>
      </c>
      <c r="C348" s="8" t="s">
        <v>1260</v>
      </c>
      <c r="D348" s="8" t="s">
        <v>1261</v>
      </c>
      <c r="E348" s="8" t="s">
        <v>1262</v>
      </c>
      <c r="F348" s="8"/>
      <c r="G348" s="12"/>
    </row>
    <row r="349" spans="1:7">
      <c r="A349" s="7">
        <v>347</v>
      </c>
      <c r="B349" s="8" t="s">
        <v>1256</v>
      </c>
      <c r="C349" s="8" t="s">
        <v>1263</v>
      </c>
      <c r="D349" s="8" t="s">
        <v>1264</v>
      </c>
      <c r="E349" s="8" t="s">
        <v>1265</v>
      </c>
      <c r="F349" s="8"/>
      <c r="G349" s="12"/>
    </row>
    <row r="350" spans="1:7">
      <c r="A350" s="7">
        <v>348</v>
      </c>
      <c r="B350" s="8" t="s">
        <v>1256</v>
      </c>
      <c r="C350" s="8" t="s">
        <v>1266</v>
      </c>
      <c r="D350" s="8" t="s">
        <v>1267</v>
      </c>
      <c r="E350" s="8" t="s">
        <v>1268</v>
      </c>
      <c r="F350" s="8"/>
      <c r="G350" s="12"/>
    </row>
    <row r="351" spans="1:7">
      <c r="A351" s="7">
        <v>349</v>
      </c>
      <c r="B351" s="8" t="s">
        <v>968</v>
      </c>
      <c r="C351" s="8" t="s">
        <v>969</v>
      </c>
      <c r="D351" s="8" t="s">
        <v>970</v>
      </c>
      <c r="E351" s="8" t="s">
        <v>971</v>
      </c>
      <c r="F351" s="8"/>
      <c r="G351" s="12"/>
    </row>
    <row r="352" spans="1:7">
      <c r="A352" s="7">
        <v>350</v>
      </c>
      <c r="B352" s="8" t="s">
        <v>972</v>
      </c>
      <c r="C352" s="8" t="s">
        <v>973</v>
      </c>
      <c r="D352" s="8" t="s">
        <v>974</v>
      </c>
      <c r="E352" s="8" t="s">
        <v>975</v>
      </c>
      <c r="F352" s="8"/>
      <c r="G352" s="12"/>
    </row>
    <row r="353" spans="1:7">
      <c r="A353" s="7">
        <v>351</v>
      </c>
      <c r="B353" s="8" t="s">
        <v>865</v>
      </c>
      <c r="C353" s="8" t="s">
        <v>866</v>
      </c>
      <c r="D353" s="8" t="s">
        <v>1181</v>
      </c>
      <c r="E353" s="8" t="s">
        <v>867</v>
      </c>
      <c r="F353" s="8"/>
      <c r="G353" s="12"/>
    </row>
    <row r="354" spans="1:7">
      <c r="A354" s="7">
        <v>352</v>
      </c>
      <c r="B354" s="8" t="s">
        <v>865</v>
      </c>
      <c r="C354" s="8" t="s">
        <v>868</v>
      </c>
      <c r="D354" s="8" t="s">
        <v>1182</v>
      </c>
      <c r="E354" s="8" t="s">
        <v>869</v>
      </c>
      <c r="F354" s="8"/>
      <c r="G354" s="12"/>
    </row>
    <row r="355" spans="1:7">
      <c r="A355" s="7">
        <v>353</v>
      </c>
      <c r="B355" s="8" t="s">
        <v>865</v>
      </c>
      <c r="C355" s="8" t="s">
        <v>870</v>
      </c>
      <c r="D355" s="8" t="s">
        <v>1183</v>
      </c>
      <c r="E355" s="8" t="s">
        <v>871</v>
      </c>
      <c r="F355" s="8"/>
      <c r="G355" s="12"/>
    </row>
    <row r="356" spans="1:7">
      <c r="A356" s="7">
        <v>354</v>
      </c>
      <c r="B356" s="8" t="s">
        <v>865</v>
      </c>
      <c r="C356" s="8" t="s">
        <v>872</v>
      </c>
      <c r="D356" s="8" t="s">
        <v>1184</v>
      </c>
      <c r="E356" s="8" t="s">
        <v>873</v>
      </c>
      <c r="F356" s="8"/>
      <c r="G356" s="12"/>
    </row>
    <row r="357" spans="1:7">
      <c r="A357" s="7">
        <v>355</v>
      </c>
      <c r="B357" s="8" t="s">
        <v>865</v>
      </c>
      <c r="C357" s="8" t="s">
        <v>874</v>
      </c>
      <c r="D357" s="8" t="s">
        <v>1185</v>
      </c>
      <c r="E357" s="8" t="s">
        <v>875</v>
      </c>
      <c r="F357" s="8"/>
      <c r="G357" s="12"/>
    </row>
    <row r="358" spans="1:7">
      <c r="A358" s="7">
        <v>356</v>
      </c>
      <c r="B358" s="8" t="s">
        <v>865</v>
      </c>
      <c r="C358" s="8" t="s">
        <v>1326</v>
      </c>
      <c r="D358" s="8" t="s">
        <v>1186</v>
      </c>
      <c r="E358" s="8" t="s">
        <v>876</v>
      </c>
      <c r="F358" s="8"/>
      <c r="G358" s="12"/>
    </row>
    <row r="359" spans="1:7">
      <c r="A359" s="7">
        <v>357</v>
      </c>
      <c r="B359" s="8" t="s">
        <v>865</v>
      </c>
      <c r="C359" s="8" t="s">
        <v>325</v>
      </c>
      <c r="D359" s="8" t="s">
        <v>1187</v>
      </c>
      <c r="E359" s="8" t="s">
        <v>877</v>
      </c>
      <c r="F359" s="8"/>
      <c r="G359" s="12"/>
    </row>
    <row r="360" spans="1:7">
      <c r="A360" s="7">
        <v>358</v>
      </c>
      <c r="B360" s="8" t="s">
        <v>865</v>
      </c>
      <c r="C360" s="8" t="s">
        <v>878</v>
      </c>
      <c r="D360" s="8" t="s">
        <v>1188</v>
      </c>
      <c r="E360" s="8" t="s">
        <v>879</v>
      </c>
      <c r="F360" s="8"/>
      <c r="G360" s="12"/>
    </row>
    <row r="361" spans="1:7">
      <c r="A361" s="7">
        <v>359</v>
      </c>
      <c r="B361" s="8" t="s">
        <v>865</v>
      </c>
      <c r="C361" s="8" t="s">
        <v>880</v>
      </c>
      <c r="D361" s="8" t="s">
        <v>1189</v>
      </c>
      <c r="E361" s="8" t="s">
        <v>881</v>
      </c>
      <c r="F361" s="8"/>
      <c r="G361" s="12"/>
    </row>
    <row r="362" spans="1:7">
      <c r="A362" s="7">
        <v>360</v>
      </c>
      <c r="B362" s="8" t="s">
        <v>865</v>
      </c>
      <c r="C362" s="8" t="s">
        <v>882</v>
      </c>
      <c r="D362" s="8" t="s">
        <v>1543</v>
      </c>
      <c r="E362" s="8" t="s">
        <v>883</v>
      </c>
      <c r="F362" s="8"/>
      <c r="G362" s="12"/>
    </row>
    <row r="363" spans="1:7">
      <c r="A363" s="7">
        <v>361</v>
      </c>
      <c r="B363" s="8" t="s">
        <v>865</v>
      </c>
      <c r="C363" s="8" t="s">
        <v>884</v>
      </c>
      <c r="D363" s="8" t="s">
        <v>1190</v>
      </c>
      <c r="E363" s="8" t="s">
        <v>885</v>
      </c>
      <c r="F363" s="8"/>
      <c r="G363" s="12"/>
    </row>
    <row r="364" spans="1:7">
      <c r="A364" s="7">
        <v>362</v>
      </c>
      <c r="B364" s="8" t="s">
        <v>865</v>
      </c>
      <c r="C364" s="8" t="s">
        <v>1323</v>
      </c>
      <c r="D364" s="8" t="s">
        <v>1329</v>
      </c>
      <c r="E364" s="8" t="s">
        <v>1330</v>
      </c>
      <c r="F364" s="8"/>
      <c r="G364" s="12"/>
    </row>
    <row r="365" spans="1:7">
      <c r="A365" s="7">
        <v>363</v>
      </c>
      <c r="B365" s="8" t="s">
        <v>865</v>
      </c>
      <c r="C365" s="8" t="s">
        <v>1324</v>
      </c>
      <c r="D365" s="10" t="s">
        <v>1335</v>
      </c>
      <c r="E365" s="8" t="s">
        <v>1336</v>
      </c>
      <c r="F365" s="8"/>
      <c r="G365" s="12"/>
    </row>
    <row r="366" spans="1:7">
      <c r="A366" s="7">
        <v>364</v>
      </c>
      <c r="B366" s="8" t="s">
        <v>865</v>
      </c>
      <c r="C366" s="8" t="s">
        <v>1325</v>
      </c>
      <c r="D366" s="8" t="s">
        <v>1333</v>
      </c>
      <c r="E366" s="8" t="s">
        <v>1334</v>
      </c>
      <c r="F366" s="8"/>
      <c r="G366" s="12"/>
    </row>
    <row r="367" spans="1:7">
      <c r="A367" s="7">
        <v>365</v>
      </c>
      <c r="B367" s="8" t="s">
        <v>865</v>
      </c>
      <c r="C367" s="8" t="s">
        <v>1328</v>
      </c>
      <c r="D367" s="8" t="s">
        <v>1331</v>
      </c>
      <c r="E367" s="8" t="s">
        <v>1332</v>
      </c>
      <c r="F367" s="8"/>
      <c r="G367" s="12"/>
    </row>
    <row r="368" spans="1:7">
      <c r="A368" s="7">
        <v>366</v>
      </c>
      <c r="B368" s="8" t="s">
        <v>865</v>
      </c>
      <c r="C368" s="8" t="s">
        <v>1327</v>
      </c>
      <c r="D368" s="8" t="s">
        <v>1337</v>
      </c>
      <c r="E368" s="8" t="s">
        <v>1338</v>
      </c>
      <c r="F368" s="8"/>
      <c r="G368" s="12"/>
    </row>
    <row r="369" spans="1:7">
      <c r="A369" s="7">
        <v>367</v>
      </c>
      <c r="B369" s="8" t="s">
        <v>326</v>
      </c>
      <c r="C369" s="8" t="s">
        <v>327</v>
      </c>
      <c r="D369" s="8" t="s">
        <v>328</v>
      </c>
      <c r="E369" s="8" t="s">
        <v>329</v>
      </c>
      <c r="F369" s="8"/>
      <c r="G369" s="12"/>
    </row>
    <row r="370" spans="1:7">
      <c r="A370" s="7">
        <v>368</v>
      </c>
      <c r="B370" s="8" t="s">
        <v>326</v>
      </c>
      <c r="C370" s="8" t="s">
        <v>330</v>
      </c>
      <c r="D370" s="8" t="s">
        <v>331</v>
      </c>
      <c r="E370" s="8" t="s">
        <v>332</v>
      </c>
      <c r="F370" s="8"/>
      <c r="G370" s="12"/>
    </row>
    <row r="371" spans="1:7">
      <c r="A371" s="7">
        <v>369</v>
      </c>
      <c r="B371" s="8" t="s">
        <v>326</v>
      </c>
      <c r="C371" s="8" t="s">
        <v>333</v>
      </c>
      <c r="D371" s="8" t="s">
        <v>334</v>
      </c>
      <c r="E371" s="8" t="s">
        <v>335</v>
      </c>
      <c r="F371" s="8"/>
      <c r="G371" s="12"/>
    </row>
    <row r="372" spans="1:7">
      <c r="A372" s="7">
        <v>370</v>
      </c>
      <c r="B372" s="8" t="s">
        <v>326</v>
      </c>
      <c r="C372" s="8" t="s">
        <v>336</v>
      </c>
      <c r="D372" s="8" t="s">
        <v>337</v>
      </c>
      <c r="E372" s="8" t="s">
        <v>338</v>
      </c>
      <c r="F372" s="8"/>
      <c r="G372" s="12"/>
    </row>
    <row r="373" spans="1:7">
      <c r="A373" s="7">
        <v>371</v>
      </c>
      <c r="B373" s="8" t="s">
        <v>326</v>
      </c>
      <c r="C373" s="8" t="s">
        <v>339</v>
      </c>
      <c r="D373" s="8" t="s">
        <v>801</v>
      </c>
      <c r="E373" s="8" t="s">
        <v>340</v>
      </c>
      <c r="F373" s="8"/>
      <c r="G373" s="12"/>
    </row>
    <row r="374" spans="1:7">
      <c r="A374" s="7">
        <v>372</v>
      </c>
      <c r="B374" s="8" t="s">
        <v>326</v>
      </c>
      <c r="C374" s="8" t="s">
        <v>341</v>
      </c>
      <c r="D374" s="8" t="s">
        <v>1544</v>
      </c>
      <c r="E374" s="8" t="s">
        <v>342</v>
      </c>
      <c r="F374" s="8"/>
      <c r="G374" s="12"/>
    </row>
    <row r="375" spans="1:7">
      <c r="A375" s="7">
        <v>373</v>
      </c>
      <c r="B375" s="8" t="s">
        <v>326</v>
      </c>
      <c r="C375" s="8" t="s">
        <v>343</v>
      </c>
      <c r="D375" s="8" t="s">
        <v>802</v>
      </c>
      <c r="E375" s="8" t="s">
        <v>344</v>
      </c>
      <c r="F375" s="8"/>
      <c r="G375" s="12"/>
    </row>
    <row r="376" spans="1:7" ht="28.8">
      <c r="A376" s="7">
        <v>374</v>
      </c>
      <c r="B376" s="8" t="s">
        <v>326</v>
      </c>
      <c r="C376" s="8" t="s">
        <v>345</v>
      </c>
      <c r="D376" s="10" t="s">
        <v>803</v>
      </c>
      <c r="E376" s="8" t="s">
        <v>346</v>
      </c>
      <c r="F376" s="8"/>
      <c r="G376" s="12"/>
    </row>
    <row r="377" spans="1:7">
      <c r="A377" s="7">
        <v>375</v>
      </c>
      <c r="B377" s="8" t="s">
        <v>326</v>
      </c>
      <c r="C377" s="8" t="s">
        <v>347</v>
      </c>
      <c r="D377" s="8" t="s">
        <v>348</v>
      </c>
      <c r="E377" s="8" t="s">
        <v>349</v>
      </c>
      <c r="F377" s="8"/>
      <c r="G377" s="12"/>
    </row>
    <row r="378" spans="1:7">
      <c r="A378" s="7">
        <v>376</v>
      </c>
      <c r="B378" s="8" t="s">
        <v>326</v>
      </c>
      <c r="C378" s="8" t="s">
        <v>350</v>
      </c>
      <c r="D378" s="8" t="s">
        <v>804</v>
      </c>
      <c r="E378" s="8" t="s">
        <v>351</v>
      </c>
      <c r="F378" s="8"/>
      <c r="G378" s="12"/>
    </row>
    <row r="379" spans="1:7" ht="28.8">
      <c r="A379" s="7">
        <v>377</v>
      </c>
      <c r="B379" s="8" t="s">
        <v>326</v>
      </c>
      <c r="C379" s="8" t="s">
        <v>352</v>
      </c>
      <c r="D379" s="10" t="s">
        <v>805</v>
      </c>
      <c r="E379" s="8" t="s">
        <v>353</v>
      </c>
      <c r="F379" s="8"/>
      <c r="G379" s="12"/>
    </row>
    <row r="380" spans="1:7">
      <c r="A380" s="7">
        <v>378</v>
      </c>
      <c r="B380" s="8" t="s">
        <v>326</v>
      </c>
      <c r="C380" s="8" t="s">
        <v>354</v>
      </c>
      <c r="D380" s="8" t="s">
        <v>355</v>
      </c>
      <c r="E380" s="8" t="s">
        <v>356</v>
      </c>
      <c r="F380" s="8"/>
      <c r="G380" s="12"/>
    </row>
    <row r="381" spans="1:7">
      <c r="A381" s="7">
        <v>379</v>
      </c>
      <c r="B381" s="8" t="s">
        <v>326</v>
      </c>
      <c r="C381" s="17" t="s">
        <v>357</v>
      </c>
      <c r="D381" s="17" t="s">
        <v>1386</v>
      </c>
      <c r="E381" s="8" t="s">
        <v>1246</v>
      </c>
      <c r="F381" s="8"/>
      <c r="G381" s="12"/>
    </row>
    <row r="382" spans="1:7">
      <c r="A382" s="7">
        <v>380</v>
      </c>
      <c r="B382" s="8" t="s">
        <v>326</v>
      </c>
      <c r="C382" s="8" t="s">
        <v>358</v>
      </c>
      <c r="D382" s="8" t="s">
        <v>359</v>
      </c>
      <c r="E382" s="8" t="s">
        <v>360</v>
      </c>
      <c r="F382" s="8"/>
      <c r="G382" s="12"/>
    </row>
    <row r="383" spans="1:7">
      <c r="A383" s="7">
        <v>381</v>
      </c>
      <c r="B383" s="8" t="s">
        <v>326</v>
      </c>
      <c r="C383" s="8" t="s">
        <v>361</v>
      </c>
      <c r="D383" s="8" t="s">
        <v>806</v>
      </c>
      <c r="E383" s="8" t="s">
        <v>362</v>
      </c>
      <c r="F383" s="8"/>
      <c r="G383" s="12"/>
    </row>
    <row r="384" spans="1:7">
      <c r="A384" s="7">
        <v>382</v>
      </c>
      <c r="B384" s="8" t="s">
        <v>326</v>
      </c>
      <c r="C384" s="8" t="s">
        <v>363</v>
      </c>
      <c r="D384" s="8" t="s">
        <v>364</v>
      </c>
      <c r="E384" s="8" t="s">
        <v>365</v>
      </c>
      <c r="F384" s="8"/>
      <c r="G384" s="12"/>
    </row>
    <row r="385" spans="1:7" ht="28.8">
      <c r="A385" s="7">
        <v>383</v>
      </c>
      <c r="B385" s="8" t="s">
        <v>326</v>
      </c>
      <c r="C385" s="8" t="s">
        <v>366</v>
      </c>
      <c r="D385" s="10" t="s">
        <v>807</v>
      </c>
      <c r="E385" s="8" t="s">
        <v>367</v>
      </c>
      <c r="F385" s="8"/>
      <c r="G385" s="12"/>
    </row>
    <row r="386" spans="1:7">
      <c r="A386" s="7">
        <v>384</v>
      </c>
      <c r="B386" s="8" t="s">
        <v>326</v>
      </c>
      <c r="C386" s="8" t="s">
        <v>368</v>
      </c>
      <c r="D386" s="8" t="s">
        <v>808</v>
      </c>
      <c r="E386" s="8" t="s">
        <v>369</v>
      </c>
      <c r="F386" s="8"/>
      <c r="G386" s="12"/>
    </row>
    <row r="387" spans="1:7">
      <c r="A387" s="7">
        <v>385</v>
      </c>
      <c r="B387" s="8" t="s">
        <v>326</v>
      </c>
      <c r="C387" s="8" t="s">
        <v>370</v>
      </c>
      <c r="D387" s="8" t="s">
        <v>809</v>
      </c>
      <c r="E387" s="8" t="s">
        <v>371</v>
      </c>
      <c r="F387" s="8"/>
      <c r="G387" s="12"/>
    </row>
    <row r="388" spans="1:7" ht="28.8">
      <c r="A388" s="7">
        <v>386</v>
      </c>
      <c r="B388" s="8" t="s">
        <v>326</v>
      </c>
      <c r="C388" s="8" t="s">
        <v>372</v>
      </c>
      <c r="D388" s="10" t="s">
        <v>810</v>
      </c>
      <c r="E388" s="8" t="s">
        <v>373</v>
      </c>
      <c r="F388" s="8"/>
      <c r="G388" s="12"/>
    </row>
    <row r="389" spans="1:7">
      <c r="A389" s="7">
        <v>387</v>
      </c>
      <c r="B389" s="8" t="s">
        <v>326</v>
      </c>
      <c r="C389" s="8" t="s">
        <v>374</v>
      </c>
      <c r="D389" s="8" t="s">
        <v>1696</v>
      </c>
      <c r="E389" s="8" t="s">
        <v>375</v>
      </c>
      <c r="F389" s="8"/>
      <c r="G389" s="12"/>
    </row>
    <row r="390" spans="1:7" ht="28.8">
      <c r="A390" s="7">
        <v>388</v>
      </c>
      <c r="B390" s="8" t="s">
        <v>326</v>
      </c>
      <c r="C390" s="8" t="s">
        <v>376</v>
      </c>
      <c r="D390" s="10" t="s">
        <v>811</v>
      </c>
      <c r="E390" s="8" t="s">
        <v>377</v>
      </c>
      <c r="F390" s="8"/>
      <c r="G390" s="12"/>
    </row>
    <row r="391" spans="1:7">
      <c r="A391" s="7">
        <v>389</v>
      </c>
      <c r="B391" s="8" t="s">
        <v>326</v>
      </c>
      <c r="C391" s="8" t="s">
        <v>378</v>
      </c>
      <c r="D391" s="8" t="s">
        <v>812</v>
      </c>
      <c r="E391" s="8" t="s">
        <v>379</v>
      </c>
      <c r="F391" s="8"/>
      <c r="G391" s="12"/>
    </row>
    <row r="392" spans="1:7" ht="28.8">
      <c r="A392" s="7">
        <v>390</v>
      </c>
      <c r="B392" s="8" t="s">
        <v>326</v>
      </c>
      <c r="C392" s="8" t="s">
        <v>380</v>
      </c>
      <c r="D392" s="10" t="s">
        <v>813</v>
      </c>
      <c r="E392" s="8" t="s">
        <v>381</v>
      </c>
      <c r="F392" s="8"/>
      <c r="G392" s="12"/>
    </row>
    <row r="393" spans="1:7">
      <c r="A393" s="7">
        <v>391</v>
      </c>
      <c r="B393" s="8" t="s">
        <v>326</v>
      </c>
      <c r="C393" s="8" t="s">
        <v>382</v>
      </c>
      <c r="D393" s="8" t="s">
        <v>383</v>
      </c>
      <c r="E393" s="8" t="s">
        <v>384</v>
      </c>
      <c r="F393" s="8"/>
      <c r="G393" s="12"/>
    </row>
    <row r="394" spans="1:7">
      <c r="A394" s="7">
        <v>392</v>
      </c>
      <c r="B394" s="8" t="s">
        <v>326</v>
      </c>
      <c r="C394" s="8" t="s">
        <v>1247</v>
      </c>
      <c r="D394" s="8" t="s">
        <v>1248</v>
      </c>
      <c r="E394" s="8" t="s">
        <v>1249</v>
      </c>
      <c r="F394" s="8"/>
      <c r="G394" s="12"/>
    </row>
    <row r="395" spans="1:7">
      <c r="A395" s="7">
        <v>393</v>
      </c>
      <c r="B395" s="8" t="s">
        <v>326</v>
      </c>
      <c r="C395" s="8" t="s">
        <v>385</v>
      </c>
      <c r="D395" s="8" t="s">
        <v>814</v>
      </c>
      <c r="E395" s="8" t="s">
        <v>386</v>
      </c>
      <c r="F395" s="8"/>
      <c r="G395" s="12"/>
    </row>
    <row r="396" spans="1:7">
      <c r="A396" s="7">
        <v>394</v>
      </c>
      <c r="B396" s="8" t="s">
        <v>326</v>
      </c>
      <c r="C396" s="8" t="s">
        <v>387</v>
      </c>
      <c r="D396" s="8" t="s">
        <v>815</v>
      </c>
      <c r="E396" s="8" t="s">
        <v>388</v>
      </c>
      <c r="F396" s="8"/>
      <c r="G396" s="12"/>
    </row>
    <row r="397" spans="1:7" ht="28.8">
      <c r="A397" s="7">
        <v>395</v>
      </c>
      <c r="B397" s="8" t="s">
        <v>326</v>
      </c>
      <c r="C397" s="8" t="s">
        <v>389</v>
      </c>
      <c r="D397" s="10" t="s">
        <v>816</v>
      </c>
      <c r="E397" s="8" t="s">
        <v>390</v>
      </c>
      <c r="F397" s="8"/>
      <c r="G397" s="12"/>
    </row>
    <row r="398" spans="1:7">
      <c r="A398" s="7">
        <v>396</v>
      </c>
      <c r="B398" s="8" t="s">
        <v>326</v>
      </c>
      <c r="C398" s="8" t="s">
        <v>391</v>
      </c>
      <c r="D398" s="8" t="s">
        <v>817</v>
      </c>
      <c r="E398" s="8" t="s">
        <v>1545</v>
      </c>
      <c r="F398" s="8"/>
      <c r="G398" s="12"/>
    </row>
    <row r="399" spans="1:7">
      <c r="A399" s="7">
        <v>397</v>
      </c>
      <c r="B399" s="8" t="s">
        <v>326</v>
      </c>
      <c r="C399" s="8" t="s">
        <v>392</v>
      </c>
      <c r="D399" s="8" t="s">
        <v>1671</v>
      </c>
      <c r="E399" s="8" t="s">
        <v>1563</v>
      </c>
      <c r="F399" s="8"/>
      <c r="G399" s="12" t="s">
        <v>1669</v>
      </c>
    </row>
    <row r="400" spans="1:7">
      <c r="A400" s="7">
        <v>398</v>
      </c>
      <c r="B400" s="8" t="s">
        <v>326</v>
      </c>
      <c r="C400" s="8" t="s">
        <v>1546</v>
      </c>
      <c r="D400" s="8" t="s">
        <v>818</v>
      </c>
      <c r="E400" s="8" t="s">
        <v>393</v>
      </c>
      <c r="F400" s="8"/>
      <c r="G400" s="12"/>
    </row>
    <row r="401" spans="1:7">
      <c r="A401" s="7">
        <v>399</v>
      </c>
      <c r="B401" s="8" t="s">
        <v>326</v>
      </c>
      <c r="C401" s="8" t="s">
        <v>394</v>
      </c>
      <c r="D401" s="8" t="s">
        <v>819</v>
      </c>
      <c r="E401" s="8" t="s">
        <v>395</v>
      </c>
      <c r="F401" s="8"/>
      <c r="G401" s="12"/>
    </row>
    <row r="402" spans="1:7">
      <c r="A402" s="7">
        <v>400</v>
      </c>
      <c r="B402" s="8" t="s">
        <v>326</v>
      </c>
      <c r="C402" s="8" t="s">
        <v>1250</v>
      </c>
      <c r="D402" s="8" t="s">
        <v>1251</v>
      </c>
      <c r="E402" s="8" t="s">
        <v>1252</v>
      </c>
      <c r="F402" s="8"/>
      <c r="G402" s="12"/>
    </row>
    <row r="403" spans="1:7">
      <c r="A403" s="7">
        <v>401</v>
      </c>
      <c r="B403" s="8" t="s">
        <v>326</v>
      </c>
      <c r="C403" s="8" t="s">
        <v>396</v>
      </c>
      <c r="D403" s="8" t="s">
        <v>820</v>
      </c>
      <c r="E403" s="8" t="s">
        <v>397</v>
      </c>
      <c r="F403" s="8"/>
      <c r="G403" s="12"/>
    </row>
    <row r="404" spans="1:7">
      <c r="A404" s="7">
        <v>402</v>
      </c>
      <c r="B404" s="8" t="s">
        <v>326</v>
      </c>
      <c r="C404" s="8" t="s">
        <v>398</v>
      </c>
      <c r="D404" s="8" t="s">
        <v>821</v>
      </c>
      <c r="E404" s="8" t="s">
        <v>399</v>
      </c>
      <c r="F404" s="8"/>
      <c r="G404" s="12"/>
    </row>
    <row r="405" spans="1:7">
      <c r="A405" s="7">
        <v>403</v>
      </c>
      <c r="B405" s="8" t="s">
        <v>326</v>
      </c>
      <c r="C405" s="8" t="s">
        <v>400</v>
      </c>
      <c r="D405" s="8" t="s">
        <v>822</v>
      </c>
      <c r="E405" s="8" t="s">
        <v>401</v>
      </c>
      <c r="F405" s="8"/>
      <c r="G405" s="12"/>
    </row>
    <row r="406" spans="1:7">
      <c r="A406" s="7">
        <v>404</v>
      </c>
      <c r="B406" s="8" t="s">
        <v>326</v>
      </c>
      <c r="C406" s="8" t="s">
        <v>402</v>
      </c>
      <c r="D406" s="8" t="s">
        <v>1697</v>
      </c>
      <c r="E406" s="8" t="s">
        <v>403</v>
      </c>
      <c r="F406" s="8"/>
      <c r="G406" s="12"/>
    </row>
    <row r="407" spans="1:7" ht="43.2">
      <c r="A407" s="7">
        <v>405</v>
      </c>
      <c r="B407" s="8" t="s">
        <v>326</v>
      </c>
      <c r="C407" s="22" t="s">
        <v>411</v>
      </c>
      <c r="D407" s="22" t="s">
        <v>823</v>
      </c>
      <c r="E407" s="8" t="s">
        <v>404</v>
      </c>
      <c r="F407" s="8"/>
      <c r="G407" s="12"/>
    </row>
    <row r="408" spans="1:7">
      <c r="A408" s="7">
        <v>406</v>
      </c>
      <c r="B408" s="8" t="s">
        <v>326</v>
      </c>
      <c r="C408" s="22" t="s">
        <v>1226</v>
      </c>
      <c r="D408" s="22" t="s">
        <v>1227</v>
      </c>
      <c r="E408" s="8" t="s">
        <v>1228</v>
      </c>
      <c r="F408" s="8"/>
      <c r="G408" s="12"/>
    </row>
    <row r="409" spans="1:7">
      <c r="A409" s="7">
        <v>407</v>
      </c>
      <c r="B409" s="8" t="s">
        <v>326</v>
      </c>
      <c r="C409" s="17" t="s">
        <v>1273</v>
      </c>
      <c r="D409" s="17" t="s">
        <v>1387</v>
      </c>
      <c r="E409" s="17" t="s">
        <v>1547</v>
      </c>
      <c r="F409" s="8"/>
      <c r="G409" s="12"/>
    </row>
    <row r="410" spans="1:7" ht="28.8">
      <c r="A410" s="7">
        <v>408</v>
      </c>
      <c r="B410" s="8" t="s">
        <v>326</v>
      </c>
      <c r="C410" s="17" t="s">
        <v>1274</v>
      </c>
      <c r="D410" s="16" t="s">
        <v>1500</v>
      </c>
      <c r="E410" s="17" t="s">
        <v>1275</v>
      </c>
      <c r="F410" s="8"/>
      <c r="G410" s="12"/>
    </row>
    <row r="411" spans="1:7">
      <c r="A411" s="7">
        <v>409</v>
      </c>
      <c r="B411" s="8" t="s">
        <v>326</v>
      </c>
      <c r="C411" s="8" t="s">
        <v>1698</v>
      </c>
      <c r="D411" s="8" t="s">
        <v>1699</v>
      </c>
      <c r="E411" s="8" t="s">
        <v>1700</v>
      </c>
      <c r="F411" s="12"/>
      <c r="G411" s="12"/>
    </row>
    <row r="412" spans="1:7">
      <c r="A412" s="7">
        <v>410</v>
      </c>
      <c r="B412" s="19" t="s">
        <v>180</v>
      </c>
      <c r="C412" s="8" t="s">
        <v>181</v>
      </c>
      <c r="D412" s="8" t="s">
        <v>182</v>
      </c>
      <c r="E412" s="8" t="s">
        <v>251</v>
      </c>
      <c r="F412" s="8"/>
      <c r="G412" s="12"/>
    </row>
    <row r="413" spans="1:7">
      <c r="A413" s="7">
        <v>411</v>
      </c>
      <c r="B413" s="19" t="s">
        <v>180</v>
      </c>
      <c r="C413" s="8" t="s">
        <v>183</v>
      </c>
      <c r="D413" s="8" t="s">
        <v>184</v>
      </c>
      <c r="E413" s="8" t="s">
        <v>252</v>
      </c>
      <c r="F413" s="8"/>
      <c r="G413" s="12"/>
    </row>
    <row r="414" spans="1:7">
      <c r="A414" s="7">
        <v>412</v>
      </c>
      <c r="B414" s="19" t="s">
        <v>180</v>
      </c>
      <c r="C414" s="8" t="s">
        <v>185</v>
      </c>
      <c r="D414" s="8" t="s">
        <v>186</v>
      </c>
      <c r="E414" s="8" t="s">
        <v>253</v>
      </c>
      <c r="F414" s="8"/>
      <c r="G414" s="12"/>
    </row>
    <row r="415" spans="1:7">
      <c r="A415" s="7">
        <v>413</v>
      </c>
      <c r="B415" s="19" t="s">
        <v>180</v>
      </c>
      <c r="C415" s="8" t="s">
        <v>187</v>
      </c>
      <c r="D415" s="8" t="s">
        <v>188</v>
      </c>
      <c r="E415" s="8" t="s">
        <v>254</v>
      </c>
      <c r="F415" s="8"/>
      <c r="G415" s="12"/>
    </row>
    <row r="416" spans="1:7">
      <c r="A416" s="7">
        <v>414</v>
      </c>
      <c r="B416" s="19" t="s">
        <v>180</v>
      </c>
      <c r="C416" s="8" t="s">
        <v>189</v>
      </c>
      <c r="D416" s="8" t="s">
        <v>190</v>
      </c>
      <c r="E416" s="8" t="s">
        <v>255</v>
      </c>
      <c r="F416" s="8"/>
      <c r="G416" s="12"/>
    </row>
    <row r="417" spans="1:7">
      <c r="A417" s="7">
        <v>415</v>
      </c>
      <c r="B417" s="19" t="s">
        <v>180</v>
      </c>
      <c r="C417" s="8" t="s">
        <v>191</v>
      </c>
      <c r="D417" s="8" t="s">
        <v>192</v>
      </c>
      <c r="E417" s="8" t="s">
        <v>256</v>
      </c>
      <c r="F417" s="8"/>
      <c r="G417" s="12"/>
    </row>
    <row r="418" spans="1:7">
      <c r="A418" s="7">
        <v>416</v>
      </c>
      <c r="B418" s="19" t="s">
        <v>180</v>
      </c>
      <c r="C418" s="8" t="s">
        <v>193</v>
      </c>
      <c r="D418" s="8" t="s">
        <v>194</v>
      </c>
      <c r="E418" s="8" t="s">
        <v>257</v>
      </c>
      <c r="F418" s="8"/>
      <c r="G418" s="12"/>
    </row>
    <row r="419" spans="1:7">
      <c r="A419" s="7">
        <v>417</v>
      </c>
      <c r="B419" s="19" t="s">
        <v>180</v>
      </c>
      <c r="C419" s="8" t="s">
        <v>195</v>
      </c>
      <c r="D419" s="8" t="s">
        <v>196</v>
      </c>
      <c r="E419" s="8" t="s">
        <v>258</v>
      </c>
      <c r="F419" s="8"/>
      <c r="G419" s="12"/>
    </row>
    <row r="420" spans="1:7">
      <c r="A420" s="7">
        <v>418</v>
      </c>
      <c r="B420" s="19" t="s">
        <v>180</v>
      </c>
      <c r="C420" s="8" t="s">
        <v>197</v>
      </c>
      <c r="D420" s="8" t="s">
        <v>198</v>
      </c>
      <c r="E420" s="8" t="s">
        <v>259</v>
      </c>
      <c r="F420" s="8"/>
      <c r="G420" s="12"/>
    </row>
    <row r="421" spans="1:7">
      <c r="A421" s="7">
        <v>419</v>
      </c>
      <c r="B421" s="19" t="s">
        <v>180</v>
      </c>
      <c r="C421" s="8" t="s">
        <v>199</v>
      </c>
      <c r="D421" s="8" t="s">
        <v>200</v>
      </c>
      <c r="E421" s="8" t="s">
        <v>260</v>
      </c>
      <c r="F421" s="8"/>
      <c r="G421" s="12"/>
    </row>
    <row r="422" spans="1:7">
      <c r="A422" s="7">
        <v>420</v>
      </c>
      <c r="B422" s="19" t="s">
        <v>180</v>
      </c>
      <c r="C422" s="8" t="s">
        <v>201</v>
      </c>
      <c r="D422" s="8" t="s">
        <v>202</v>
      </c>
      <c r="E422" s="8" t="s">
        <v>261</v>
      </c>
      <c r="F422" s="8"/>
      <c r="G422" s="12"/>
    </row>
    <row r="423" spans="1:7">
      <c r="A423" s="7">
        <v>421</v>
      </c>
      <c r="B423" s="19" t="s">
        <v>180</v>
      </c>
      <c r="C423" s="8" t="s">
        <v>203</v>
      </c>
      <c r="D423" s="8" t="s">
        <v>204</v>
      </c>
      <c r="E423" s="8" t="s">
        <v>262</v>
      </c>
      <c r="F423" s="8"/>
      <c r="G423" s="12"/>
    </row>
    <row r="424" spans="1:7">
      <c r="A424" s="7">
        <v>422</v>
      </c>
      <c r="B424" s="19" t="s">
        <v>180</v>
      </c>
      <c r="C424" s="8" t="s">
        <v>263</v>
      </c>
      <c r="D424" s="8" t="s">
        <v>205</v>
      </c>
      <c r="E424" s="8" t="s">
        <v>264</v>
      </c>
      <c r="F424" s="8"/>
      <c r="G424" s="12"/>
    </row>
    <row r="425" spans="1:7">
      <c r="A425" s="7">
        <v>423</v>
      </c>
      <c r="B425" s="19" t="s">
        <v>180</v>
      </c>
      <c r="C425" s="8" t="s">
        <v>206</v>
      </c>
      <c r="D425" s="8" t="s">
        <v>207</v>
      </c>
      <c r="E425" s="8" t="s">
        <v>288</v>
      </c>
      <c r="F425" s="8"/>
      <c r="G425" s="12"/>
    </row>
    <row r="426" spans="1:7">
      <c r="A426" s="7">
        <v>424</v>
      </c>
      <c r="B426" s="19" t="s">
        <v>180</v>
      </c>
      <c r="C426" s="8" t="s">
        <v>208</v>
      </c>
      <c r="D426" s="8" t="s">
        <v>209</v>
      </c>
      <c r="E426" s="8" t="s">
        <v>265</v>
      </c>
      <c r="F426" s="8"/>
      <c r="G426" s="12"/>
    </row>
    <row r="427" spans="1:7">
      <c r="A427" s="7">
        <v>425</v>
      </c>
      <c r="B427" s="19" t="s">
        <v>180</v>
      </c>
      <c r="C427" s="8" t="s">
        <v>210</v>
      </c>
      <c r="D427" s="8" t="s">
        <v>211</v>
      </c>
      <c r="E427" s="8" t="s">
        <v>266</v>
      </c>
      <c r="F427" s="8"/>
      <c r="G427" s="12"/>
    </row>
    <row r="428" spans="1:7">
      <c r="A428" s="7">
        <v>426</v>
      </c>
      <c r="B428" s="19" t="s">
        <v>180</v>
      </c>
      <c r="C428" s="8" t="s">
        <v>212</v>
      </c>
      <c r="D428" s="8" t="s">
        <v>213</v>
      </c>
      <c r="E428" s="8" t="s">
        <v>267</v>
      </c>
      <c r="F428" s="8"/>
      <c r="G428" s="12"/>
    </row>
    <row r="429" spans="1:7">
      <c r="A429" s="7">
        <v>427</v>
      </c>
      <c r="B429" s="19" t="s">
        <v>180</v>
      </c>
      <c r="C429" s="8" t="s">
        <v>214</v>
      </c>
      <c r="D429" s="8" t="s">
        <v>215</v>
      </c>
      <c r="E429" s="8" t="s">
        <v>268</v>
      </c>
      <c r="F429" s="8"/>
      <c r="G429" s="12"/>
    </row>
    <row r="430" spans="1:7">
      <c r="A430" s="7">
        <v>428</v>
      </c>
      <c r="B430" s="19" t="s">
        <v>180</v>
      </c>
      <c r="C430" s="8" t="s">
        <v>216</v>
      </c>
      <c r="D430" s="8" t="s">
        <v>217</v>
      </c>
      <c r="E430" s="8" t="s">
        <v>269</v>
      </c>
      <c r="F430" s="8"/>
      <c r="G430" s="12"/>
    </row>
    <row r="431" spans="1:7">
      <c r="A431" s="7">
        <v>429</v>
      </c>
      <c r="B431" s="19" t="s">
        <v>180</v>
      </c>
      <c r="C431" s="8" t="s">
        <v>218</v>
      </c>
      <c r="D431" s="8" t="s">
        <v>219</v>
      </c>
      <c r="E431" s="8" t="s">
        <v>270</v>
      </c>
      <c r="F431" s="8"/>
      <c r="G431" s="12"/>
    </row>
    <row r="432" spans="1:7">
      <c r="A432" s="7">
        <v>430</v>
      </c>
      <c r="B432" s="19" t="s">
        <v>180</v>
      </c>
      <c r="C432" s="8" t="s">
        <v>220</v>
      </c>
      <c r="D432" s="8" t="s">
        <v>221</v>
      </c>
      <c r="E432" s="8" t="s">
        <v>271</v>
      </c>
      <c r="F432" s="8"/>
      <c r="G432" s="12"/>
    </row>
    <row r="433" spans="1:7" ht="28.8">
      <c r="A433" s="7">
        <v>431</v>
      </c>
      <c r="B433" s="19" t="s">
        <v>180</v>
      </c>
      <c r="C433" s="8" t="s">
        <v>222</v>
      </c>
      <c r="D433" s="10" t="s">
        <v>1501</v>
      </c>
      <c r="E433" s="8" t="s">
        <v>285</v>
      </c>
      <c r="F433" s="8"/>
      <c r="G433" s="12"/>
    </row>
    <row r="434" spans="1:7" ht="43.2">
      <c r="A434" s="7">
        <v>432</v>
      </c>
      <c r="B434" s="19" t="s">
        <v>180</v>
      </c>
      <c r="C434" s="10" t="s">
        <v>223</v>
      </c>
      <c r="D434" s="10" t="s">
        <v>1502</v>
      </c>
      <c r="E434" s="10" t="s">
        <v>272</v>
      </c>
      <c r="F434" s="8"/>
      <c r="G434" s="12"/>
    </row>
    <row r="435" spans="1:7">
      <c r="A435" s="7">
        <v>433</v>
      </c>
      <c r="B435" s="19" t="s">
        <v>180</v>
      </c>
      <c r="C435" s="8" t="s">
        <v>224</v>
      </c>
      <c r="D435" s="8" t="s">
        <v>225</v>
      </c>
      <c r="E435" s="8" t="s">
        <v>273</v>
      </c>
      <c r="F435" s="8"/>
      <c r="G435" s="12"/>
    </row>
    <row r="436" spans="1:7">
      <c r="A436" s="7">
        <v>434</v>
      </c>
      <c r="B436" s="19" t="s">
        <v>180</v>
      </c>
      <c r="C436" s="8" t="s">
        <v>226</v>
      </c>
      <c r="D436" s="8" t="s">
        <v>227</v>
      </c>
      <c r="E436" s="8" t="s">
        <v>274</v>
      </c>
      <c r="F436" s="8"/>
      <c r="G436" s="12"/>
    </row>
    <row r="437" spans="1:7">
      <c r="A437" s="7">
        <v>435</v>
      </c>
      <c r="B437" s="19" t="s">
        <v>180</v>
      </c>
      <c r="C437" s="8" t="s">
        <v>228</v>
      </c>
      <c r="D437" s="8" t="s">
        <v>229</v>
      </c>
      <c r="E437" s="8" t="s">
        <v>275</v>
      </c>
      <c r="F437" s="8"/>
      <c r="G437" s="12"/>
    </row>
    <row r="438" spans="1:7">
      <c r="A438" s="7">
        <v>436</v>
      </c>
      <c r="B438" s="19" t="s">
        <v>180</v>
      </c>
      <c r="C438" s="8" t="s">
        <v>230</v>
      </c>
      <c r="D438" s="8" t="s">
        <v>231</v>
      </c>
      <c r="E438" s="8" t="s">
        <v>276</v>
      </c>
      <c r="F438" s="8"/>
      <c r="G438" s="12"/>
    </row>
    <row r="439" spans="1:7">
      <c r="A439" s="7">
        <v>437</v>
      </c>
      <c r="B439" s="19" t="s">
        <v>180</v>
      </c>
      <c r="C439" s="8" t="s">
        <v>232</v>
      </c>
      <c r="D439" s="8" t="s">
        <v>233</v>
      </c>
      <c r="E439" s="8" t="s">
        <v>277</v>
      </c>
      <c r="F439" s="8"/>
      <c r="G439" s="12"/>
    </row>
    <row r="440" spans="1:7" ht="28.8">
      <c r="A440" s="7">
        <v>438</v>
      </c>
      <c r="B440" s="19" t="s">
        <v>180</v>
      </c>
      <c r="C440" s="10" t="s">
        <v>234</v>
      </c>
      <c r="D440" s="10" t="s">
        <v>1503</v>
      </c>
      <c r="E440" s="10" t="s">
        <v>278</v>
      </c>
      <c r="F440" s="8"/>
      <c r="G440" s="12"/>
    </row>
    <row r="441" spans="1:7">
      <c r="A441" s="7">
        <v>439</v>
      </c>
      <c r="B441" s="19" t="s">
        <v>180</v>
      </c>
      <c r="C441" s="10" t="s">
        <v>1391</v>
      </c>
      <c r="D441" s="8" t="s">
        <v>235</v>
      </c>
      <c r="E441" s="8" t="s">
        <v>287</v>
      </c>
      <c r="F441" s="8"/>
      <c r="G441" s="12"/>
    </row>
    <row r="442" spans="1:7">
      <c r="A442" s="7">
        <v>440</v>
      </c>
      <c r="B442" s="19" t="s">
        <v>180</v>
      </c>
      <c r="C442" s="8" t="s">
        <v>236</v>
      </c>
      <c r="D442" s="8" t="s">
        <v>237</v>
      </c>
      <c r="E442" s="8" t="s">
        <v>286</v>
      </c>
      <c r="F442" s="8"/>
      <c r="G442" s="12"/>
    </row>
    <row r="443" spans="1:7">
      <c r="A443" s="7">
        <v>441</v>
      </c>
      <c r="B443" s="19" t="s">
        <v>180</v>
      </c>
      <c r="C443" s="8" t="s">
        <v>238</v>
      </c>
      <c r="D443" s="8" t="s">
        <v>239</v>
      </c>
      <c r="E443" s="8" t="s">
        <v>279</v>
      </c>
      <c r="F443" s="8"/>
      <c r="G443" s="12"/>
    </row>
    <row r="444" spans="1:7">
      <c r="A444" s="7">
        <v>442</v>
      </c>
      <c r="B444" s="19" t="s">
        <v>180</v>
      </c>
      <c r="C444" s="8" t="s">
        <v>240</v>
      </c>
      <c r="D444" s="8" t="s">
        <v>241</v>
      </c>
      <c r="E444" s="8" t="s">
        <v>280</v>
      </c>
      <c r="F444" s="8"/>
      <c r="G444" s="12"/>
    </row>
    <row r="445" spans="1:7" ht="28.8">
      <c r="A445" s="7">
        <v>443</v>
      </c>
      <c r="B445" s="19" t="s">
        <v>180</v>
      </c>
      <c r="C445" s="10" t="s">
        <v>1239</v>
      </c>
      <c r="D445" s="10" t="s">
        <v>242</v>
      </c>
      <c r="E445" s="10" t="s">
        <v>281</v>
      </c>
      <c r="F445" s="8"/>
      <c r="G445" s="12"/>
    </row>
    <row r="446" spans="1:7">
      <c r="A446" s="7">
        <v>444</v>
      </c>
      <c r="B446" s="19" t="s">
        <v>180</v>
      </c>
      <c r="C446" s="8" t="s">
        <v>1392</v>
      </c>
      <c r="D446" s="8" t="s">
        <v>1393</v>
      </c>
      <c r="E446" s="8" t="s">
        <v>1394</v>
      </c>
      <c r="F446" s="8"/>
      <c r="G446" s="12"/>
    </row>
    <row r="447" spans="1:7">
      <c r="A447" s="7">
        <v>445</v>
      </c>
      <c r="B447" s="19" t="s">
        <v>180</v>
      </c>
      <c r="C447" s="8" t="s">
        <v>1395</v>
      </c>
      <c r="D447" s="8" t="s">
        <v>1396</v>
      </c>
      <c r="E447" s="8" t="s">
        <v>1397</v>
      </c>
      <c r="F447" s="8"/>
      <c r="G447" s="12"/>
    </row>
    <row r="448" spans="1:7">
      <c r="A448" s="7">
        <v>446</v>
      </c>
      <c r="B448" s="19" t="s">
        <v>180</v>
      </c>
      <c r="C448" s="8" t="s">
        <v>1398</v>
      </c>
      <c r="D448" s="8" t="s">
        <v>1399</v>
      </c>
      <c r="E448" s="8" t="s">
        <v>1400</v>
      </c>
      <c r="F448" s="8"/>
      <c r="G448" s="12"/>
    </row>
    <row r="449" spans="1:7">
      <c r="A449" s="7">
        <v>447</v>
      </c>
      <c r="B449" s="19" t="s">
        <v>180</v>
      </c>
      <c r="C449" s="8" t="s">
        <v>1401</v>
      </c>
      <c r="D449" s="8" t="s">
        <v>1402</v>
      </c>
      <c r="E449" s="8" t="s">
        <v>1403</v>
      </c>
      <c r="F449" s="8"/>
      <c r="G449" s="12"/>
    </row>
    <row r="450" spans="1:7">
      <c r="A450" s="7">
        <v>448</v>
      </c>
      <c r="B450" s="19" t="s">
        <v>180</v>
      </c>
      <c r="C450" s="8" t="s">
        <v>1404</v>
      </c>
      <c r="D450" s="8" t="s">
        <v>1405</v>
      </c>
      <c r="E450" s="8" t="s">
        <v>1406</v>
      </c>
      <c r="F450" s="8"/>
      <c r="G450" s="12"/>
    </row>
    <row r="451" spans="1:7">
      <c r="A451" s="7">
        <v>449</v>
      </c>
      <c r="B451" s="19" t="s">
        <v>180</v>
      </c>
      <c r="C451" s="8" t="s">
        <v>1407</v>
      </c>
      <c r="D451" s="8" t="s">
        <v>1408</v>
      </c>
      <c r="E451" s="8" t="s">
        <v>1409</v>
      </c>
      <c r="F451" s="8"/>
      <c r="G451" s="12"/>
    </row>
    <row r="452" spans="1:7">
      <c r="A452" s="7">
        <v>450</v>
      </c>
      <c r="B452" s="19" t="s">
        <v>180</v>
      </c>
      <c r="C452" s="8" t="s">
        <v>1410</v>
      </c>
      <c r="D452" s="8" t="s">
        <v>1411</v>
      </c>
      <c r="E452" s="8" t="s">
        <v>1412</v>
      </c>
      <c r="F452" s="8"/>
      <c r="G452" s="12"/>
    </row>
    <row r="453" spans="1:7">
      <c r="A453" s="7">
        <v>451</v>
      </c>
      <c r="B453" s="19" t="s">
        <v>180</v>
      </c>
      <c r="C453" s="8" t="s">
        <v>1413</v>
      </c>
      <c r="D453" s="8" t="s">
        <v>1414</v>
      </c>
      <c r="E453" s="8" t="s">
        <v>1415</v>
      </c>
      <c r="F453" s="8"/>
      <c r="G453" s="12"/>
    </row>
    <row r="454" spans="1:7">
      <c r="A454" s="7">
        <v>452</v>
      </c>
      <c r="B454" s="19" t="s">
        <v>180</v>
      </c>
      <c r="C454" s="8" t="s">
        <v>1416</v>
      </c>
      <c r="D454" s="8" t="s">
        <v>1417</v>
      </c>
      <c r="E454" s="8" t="s">
        <v>1418</v>
      </c>
      <c r="F454" s="8"/>
      <c r="G454" s="12"/>
    </row>
    <row r="455" spans="1:7">
      <c r="A455" s="7">
        <v>453</v>
      </c>
      <c r="B455" s="19" t="s">
        <v>180</v>
      </c>
      <c r="C455" s="8" t="s">
        <v>1419</v>
      </c>
      <c r="D455" s="8" t="s">
        <v>1420</v>
      </c>
      <c r="E455" s="8" t="s">
        <v>1421</v>
      </c>
      <c r="F455" s="8"/>
      <c r="G455" s="12"/>
    </row>
    <row r="456" spans="1:7">
      <c r="A456" s="7">
        <v>454</v>
      </c>
      <c r="B456" s="19" t="s">
        <v>180</v>
      </c>
      <c r="C456" s="8" t="s">
        <v>1422</v>
      </c>
      <c r="D456" s="8" t="s">
        <v>1423</v>
      </c>
      <c r="E456" s="8" t="s">
        <v>1424</v>
      </c>
      <c r="F456" s="8"/>
      <c r="G456" s="12"/>
    </row>
    <row r="457" spans="1:7" ht="57.6">
      <c r="A457" s="7">
        <v>455</v>
      </c>
      <c r="B457" s="19" t="s">
        <v>180</v>
      </c>
      <c r="C457" s="10" t="s">
        <v>1425</v>
      </c>
      <c r="D457" s="10" t="s">
        <v>1426</v>
      </c>
      <c r="E457" s="8" t="s">
        <v>1427</v>
      </c>
      <c r="F457" s="8"/>
      <c r="G457" s="12"/>
    </row>
    <row r="458" spans="1:7">
      <c r="A458" s="7">
        <v>456</v>
      </c>
      <c r="B458" s="19" t="s">
        <v>180</v>
      </c>
      <c r="C458" s="8" t="s">
        <v>1428</v>
      </c>
      <c r="D458" s="8" t="s">
        <v>1429</v>
      </c>
      <c r="E458" s="8" t="s">
        <v>1430</v>
      </c>
      <c r="F458" s="8"/>
      <c r="G458" s="12"/>
    </row>
    <row r="459" spans="1:7">
      <c r="A459" s="7">
        <v>457</v>
      </c>
      <c r="B459" s="19" t="s">
        <v>180</v>
      </c>
      <c r="C459" s="8" t="s">
        <v>1431</v>
      </c>
      <c r="D459" s="8" t="s">
        <v>1432</v>
      </c>
      <c r="E459" s="8" t="s">
        <v>1433</v>
      </c>
      <c r="F459" s="8"/>
      <c r="G459" s="12"/>
    </row>
    <row r="460" spans="1:7">
      <c r="A460" s="7">
        <v>458</v>
      </c>
      <c r="B460" s="19" t="s">
        <v>180</v>
      </c>
      <c r="C460" s="8" t="s">
        <v>1434</v>
      </c>
      <c r="D460" s="8" t="s">
        <v>1435</v>
      </c>
      <c r="E460" s="8" t="s">
        <v>1436</v>
      </c>
      <c r="F460" s="8"/>
      <c r="G460" s="12"/>
    </row>
    <row r="461" spans="1:7">
      <c r="A461" s="7">
        <v>459</v>
      </c>
      <c r="B461" s="19" t="s">
        <v>180</v>
      </c>
      <c r="C461" s="8" t="s">
        <v>1437</v>
      </c>
      <c r="D461" s="8" t="s">
        <v>1438</v>
      </c>
      <c r="E461" s="8" t="s">
        <v>1439</v>
      </c>
      <c r="F461" s="8"/>
      <c r="G461" s="12"/>
    </row>
    <row r="462" spans="1:7">
      <c r="A462" s="7">
        <v>460</v>
      </c>
      <c r="B462" s="19" t="s">
        <v>180</v>
      </c>
      <c r="C462" s="8" t="s">
        <v>1440</v>
      </c>
      <c r="D462" s="8" t="s">
        <v>1441</v>
      </c>
      <c r="E462" s="8" t="s">
        <v>1442</v>
      </c>
      <c r="F462" s="8"/>
      <c r="G462" s="12"/>
    </row>
    <row r="463" spans="1:7">
      <c r="A463" s="7">
        <v>461</v>
      </c>
      <c r="B463" s="19" t="s">
        <v>180</v>
      </c>
      <c r="C463" s="8" t="s">
        <v>1443</v>
      </c>
      <c r="D463" s="8" t="s">
        <v>1444</v>
      </c>
      <c r="E463" s="8" t="s">
        <v>1445</v>
      </c>
      <c r="F463" s="8"/>
      <c r="G463" s="12"/>
    </row>
    <row r="464" spans="1:7">
      <c r="A464" s="7">
        <v>462</v>
      </c>
      <c r="B464" s="19" t="s">
        <v>180</v>
      </c>
      <c r="C464" s="8" t="s">
        <v>1446</v>
      </c>
      <c r="D464" s="8" t="s">
        <v>1447</v>
      </c>
      <c r="E464" s="8" t="s">
        <v>1448</v>
      </c>
      <c r="F464" s="8"/>
      <c r="G464" s="12"/>
    </row>
    <row r="465" spans="1:7" ht="28.8">
      <c r="A465" s="7">
        <v>463</v>
      </c>
      <c r="B465" s="19" t="s">
        <v>180</v>
      </c>
      <c r="C465" s="8" t="s">
        <v>1449</v>
      </c>
      <c r="D465" s="10" t="s">
        <v>1450</v>
      </c>
      <c r="E465" s="8" t="s">
        <v>1451</v>
      </c>
      <c r="F465" s="8"/>
      <c r="G465" s="12"/>
    </row>
    <row r="466" spans="1:7" ht="28.8">
      <c r="A466" s="7">
        <v>464</v>
      </c>
      <c r="B466" s="19" t="s">
        <v>180</v>
      </c>
      <c r="C466" s="8" t="s">
        <v>1452</v>
      </c>
      <c r="D466" s="10" t="s">
        <v>1453</v>
      </c>
      <c r="E466" s="8" t="s">
        <v>1454</v>
      </c>
      <c r="F466" s="8"/>
      <c r="G466" s="12"/>
    </row>
    <row r="467" spans="1:7">
      <c r="A467" s="7">
        <v>465</v>
      </c>
      <c r="B467" s="19" t="s">
        <v>180</v>
      </c>
      <c r="C467" s="8" t="s">
        <v>243</v>
      </c>
      <c r="D467" s="8" t="s">
        <v>1455</v>
      </c>
      <c r="E467" s="8" t="s">
        <v>1456</v>
      </c>
      <c r="F467" s="8"/>
      <c r="G467" s="12"/>
    </row>
    <row r="468" spans="1:7" ht="28.8">
      <c r="A468" s="7">
        <v>466</v>
      </c>
      <c r="B468" s="19" t="s">
        <v>180</v>
      </c>
      <c r="C468" s="8" t="s">
        <v>1457</v>
      </c>
      <c r="D468" s="10" t="s">
        <v>1458</v>
      </c>
      <c r="E468" s="8" t="s">
        <v>1459</v>
      </c>
      <c r="F468" s="8"/>
      <c r="G468" s="12"/>
    </row>
    <row r="469" spans="1:7">
      <c r="A469" s="7">
        <v>467</v>
      </c>
      <c r="B469" s="19" t="s">
        <v>180</v>
      </c>
      <c r="C469" s="8" t="s">
        <v>1460</v>
      </c>
      <c r="D469" s="8" t="s">
        <v>1461</v>
      </c>
      <c r="E469" s="8" t="s">
        <v>1462</v>
      </c>
      <c r="F469" s="8"/>
      <c r="G469" s="12"/>
    </row>
    <row r="470" spans="1:7" ht="28.8">
      <c r="A470" s="7">
        <v>468</v>
      </c>
      <c r="B470" s="19" t="s">
        <v>180</v>
      </c>
      <c r="C470" s="8" t="s">
        <v>1463</v>
      </c>
      <c r="D470" s="10" t="s">
        <v>1464</v>
      </c>
      <c r="E470" s="8" t="s">
        <v>1465</v>
      </c>
      <c r="F470" s="8"/>
      <c r="G470" s="12"/>
    </row>
    <row r="471" spans="1:7" ht="28.8">
      <c r="A471" s="7">
        <v>469</v>
      </c>
      <c r="B471" s="19" t="s">
        <v>180</v>
      </c>
      <c r="C471" s="8" t="s">
        <v>1466</v>
      </c>
      <c r="D471" s="10" t="s">
        <v>1504</v>
      </c>
      <c r="E471" s="8" t="s">
        <v>1467</v>
      </c>
      <c r="F471" s="8"/>
      <c r="G471" s="12"/>
    </row>
    <row r="472" spans="1:7">
      <c r="A472" s="7">
        <v>470</v>
      </c>
      <c r="B472" s="19" t="s">
        <v>180</v>
      </c>
      <c r="C472" s="8" t="s">
        <v>1468</v>
      </c>
      <c r="D472" s="8" t="s">
        <v>1469</v>
      </c>
      <c r="E472" s="8" t="s">
        <v>1470</v>
      </c>
      <c r="F472" s="8"/>
      <c r="G472" s="12"/>
    </row>
    <row r="473" spans="1:7">
      <c r="A473" s="7">
        <v>471</v>
      </c>
      <c r="B473" s="19" t="s">
        <v>180</v>
      </c>
      <c r="C473" s="8" t="s">
        <v>1471</v>
      </c>
      <c r="D473" s="8" t="s">
        <v>1472</v>
      </c>
      <c r="E473" s="8" t="s">
        <v>1473</v>
      </c>
      <c r="F473" s="8"/>
      <c r="G473" s="12"/>
    </row>
    <row r="474" spans="1:7">
      <c r="A474" s="7">
        <v>472</v>
      </c>
      <c r="B474" s="19" t="s">
        <v>180</v>
      </c>
      <c r="C474" s="8" t="s">
        <v>1474</v>
      </c>
      <c r="D474" s="8" t="s">
        <v>1475</v>
      </c>
      <c r="E474" s="8" t="s">
        <v>1476</v>
      </c>
      <c r="F474" s="8"/>
      <c r="G474" s="12"/>
    </row>
    <row r="475" spans="1:7">
      <c r="A475" s="7">
        <v>473</v>
      </c>
      <c r="B475" s="19" t="s">
        <v>180</v>
      </c>
      <c r="C475" s="8" t="s">
        <v>244</v>
      </c>
      <c r="D475" s="8" t="s">
        <v>245</v>
      </c>
      <c r="E475" s="8" t="s">
        <v>282</v>
      </c>
      <c r="F475" s="8"/>
      <c r="G475" s="12"/>
    </row>
    <row r="476" spans="1:7">
      <c r="A476" s="7">
        <v>474</v>
      </c>
      <c r="B476" s="19" t="s">
        <v>180</v>
      </c>
      <c r="C476" s="8" t="s">
        <v>246</v>
      </c>
      <c r="D476" s="8" t="s">
        <v>247</v>
      </c>
      <c r="E476" s="8" t="s">
        <v>282</v>
      </c>
      <c r="F476" s="8"/>
      <c r="G476" s="12"/>
    </row>
    <row r="477" spans="1:7">
      <c r="A477" s="7">
        <v>475</v>
      </c>
      <c r="B477" s="19" t="s">
        <v>180</v>
      </c>
      <c r="C477" s="8" t="s">
        <v>289</v>
      </c>
      <c r="D477" s="8" t="s">
        <v>248</v>
      </c>
      <c r="E477" s="8" t="s">
        <v>283</v>
      </c>
      <c r="F477" s="8"/>
      <c r="G477" s="12"/>
    </row>
    <row r="478" spans="1:7" ht="28.8">
      <c r="A478" s="7">
        <v>476</v>
      </c>
      <c r="B478" s="19" t="s">
        <v>180</v>
      </c>
      <c r="C478" s="10" t="s">
        <v>249</v>
      </c>
      <c r="D478" s="10" t="s">
        <v>250</v>
      </c>
      <c r="E478" s="8" t="s">
        <v>284</v>
      </c>
      <c r="F478" s="8"/>
      <c r="G478" s="12"/>
    </row>
    <row r="479" spans="1:7">
      <c r="A479" s="7">
        <v>477</v>
      </c>
      <c r="B479" s="19" t="s">
        <v>180</v>
      </c>
      <c r="C479" s="19" t="s">
        <v>1232</v>
      </c>
      <c r="D479" s="22" t="s">
        <v>1233</v>
      </c>
      <c r="E479" s="19" t="s">
        <v>1234</v>
      </c>
      <c r="F479" s="8"/>
      <c r="G479" s="12"/>
    </row>
    <row r="480" spans="1:7">
      <c r="A480" s="7">
        <v>478</v>
      </c>
      <c r="B480" s="19" t="s">
        <v>180</v>
      </c>
      <c r="C480" s="19" t="s">
        <v>1235</v>
      </c>
      <c r="D480" s="22" t="s">
        <v>1236</v>
      </c>
      <c r="E480" s="19" t="s">
        <v>1237</v>
      </c>
      <c r="F480" s="8"/>
      <c r="G480" s="12"/>
    </row>
    <row r="481" spans="1:7" ht="28.8">
      <c r="A481" s="7">
        <v>479</v>
      </c>
      <c r="B481" s="19" t="s">
        <v>180</v>
      </c>
      <c r="C481" s="18" t="s">
        <v>1708</v>
      </c>
      <c r="D481" s="22" t="s">
        <v>1505</v>
      </c>
      <c r="E481" s="19" t="s">
        <v>1238</v>
      </c>
      <c r="F481" s="8"/>
      <c r="G481" s="12"/>
    </row>
    <row r="482" spans="1:7">
      <c r="A482" s="7">
        <v>480</v>
      </c>
      <c r="B482" s="19" t="s">
        <v>180</v>
      </c>
      <c r="C482" s="19" t="s">
        <v>1339</v>
      </c>
      <c r="D482" s="22" t="s">
        <v>1345</v>
      </c>
      <c r="E482" s="19" t="s">
        <v>1346</v>
      </c>
      <c r="F482" s="8"/>
      <c r="G482" s="12"/>
    </row>
    <row r="483" spans="1:7">
      <c r="A483" s="7">
        <v>481</v>
      </c>
      <c r="B483" s="19" t="s">
        <v>180</v>
      </c>
      <c r="C483" s="19" t="s">
        <v>1340</v>
      </c>
      <c r="D483" s="22" t="s">
        <v>1345</v>
      </c>
      <c r="E483" s="19" t="s">
        <v>1347</v>
      </c>
      <c r="F483" s="8"/>
      <c r="G483" s="12"/>
    </row>
    <row r="484" spans="1:7" ht="28.8">
      <c r="A484" s="7">
        <v>482</v>
      </c>
      <c r="B484" s="19" t="s">
        <v>180</v>
      </c>
      <c r="C484" s="19" t="s">
        <v>1341</v>
      </c>
      <c r="D484" s="22" t="s">
        <v>1506</v>
      </c>
      <c r="E484" s="19" t="s">
        <v>1348</v>
      </c>
      <c r="F484" s="8"/>
      <c r="G484" s="12"/>
    </row>
    <row r="485" spans="1:7" ht="28.8">
      <c r="A485" s="7">
        <v>483</v>
      </c>
      <c r="B485" s="19" t="s">
        <v>180</v>
      </c>
      <c r="C485" s="19" t="s">
        <v>1342</v>
      </c>
      <c r="D485" s="22" t="s">
        <v>1507</v>
      </c>
      <c r="E485" s="19" t="s">
        <v>1349</v>
      </c>
      <c r="F485" s="8"/>
      <c r="G485" s="12"/>
    </row>
    <row r="486" spans="1:7">
      <c r="A486" s="7">
        <v>484</v>
      </c>
      <c r="B486" s="19" t="s">
        <v>180</v>
      </c>
      <c r="C486" s="19" t="s">
        <v>1343</v>
      </c>
      <c r="D486" s="22" t="s">
        <v>1350</v>
      </c>
      <c r="E486" s="19" t="s">
        <v>1351</v>
      </c>
      <c r="F486" s="8"/>
      <c r="G486" s="12"/>
    </row>
    <row r="487" spans="1:7">
      <c r="A487" s="7">
        <v>485</v>
      </c>
      <c r="B487" s="19" t="s">
        <v>180</v>
      </c>
      <c r="C487" s="19" t="s">
        <v>1344</v>
      </c>
      <c r="D487" s="22" t="s">
        <v>1352</v>
      </c>
      <c r="E487" s="19" t="s">
        <v>1353</v>
      </c>
      <c r="F487" s="8"/>
      <c r="G487" s="12"/>
    </row>
    <row r="488" spans="1:7">
      <c r="A488" s="7">
        <v>486</v>
      </c>
      <c r="B488" s="8" t="s">
        <v>180</v>
      </c>
      <c r="C488" s="8" t="s">
        <v>1654</v>
      </c>
      <c r="D488" s="8" t="s">
        <v>1655</v>
      </c>
      <c r="E488" s="8" t="s">
        <v>1656</v>
      </c>
      <c r="F488" s="8"/>
      <c r="G488" s="12"/>
    </row>
    <row r="489" spans="1:7">
      <c r="A489" s="7">
        <v>487</v>
      </c>
      <c r="B489" s="8" t="s">
        <v>180</v>
      </c>
      <c r="C489" s="8" t="s">
        <v>1657</v>
      </c>
      <c r="D489" s="8" t="s">
        <v>1658</v>
      </c>
      <c r="E489" s="8" t="s">
        <v>1659</v>
      </c>
      <c r="F489" s="8"/>
      <c r="G489" s="12"/>
    </row>
    <row r="490" spans="1:7">
      <c r="A490" s="7">
        <v>488</v>
      </c>
      <c r="B490" s="8" t="s">
        <v>180</v>
      </c>
      <c r="C490" s="8" t="s">
        <v>1660</v>
      </c>
      <c r="D490" s="8" t="s">
        <v>1661</v>
      </c>
      <c r="E490" s="8" t="s">
        <v>1662</v>
      </c>
      <c r="F490" s="8"/>
      <c r="G490" s="12"/>
    </row>
    <row r="491" spans="1:7">
      <c r="A491" s="7">
        <v>489</v>
      </c>
      <c r="B491" s="8" t="s">
        <v>180</v>
      </c>
      <c r="C491" s="8" t="s">
        <v>1663</v>
      </c>
      <c r="D491" s="8" t="s">
        <v>1664</v>
      </c>
      <c r="E491" s="8" t="s">
        <v>1665</v>
      </c>
      <c r="F491" s="8"/>
      <c r="G491" s="12"/>
    </row>
    <row r="492" spans="1:7">
      <c r="A492" s="7">
        <v>490</v>
      </c>
      <c r="B492" s="8" t="s">
        <v>180</v>
      </c>
      <c r="C492" s="8" t="s">
        <v>1688</v>
      </c>
      <c r="D492" s="8" t="s">
        <v>1689</v>
      </c>
      <c r="E492" s="8" t="s">
        <v>1690</v>
      </c>
      <c r="F492" s="8"/>
      <c r="G492" s="12"/>
    </row>
    <row r="493" spans="1:7">
      <c r="A493" s="7">
        <v>491</v>
      </c>
      <c r="B493" s="18" t="s">
        <v>180</v>
      </c>
      <c r="C493" s="18" t="s">
        <v>1701</v>
      </c>
      <c r="D493" s="18" t="s">
        <v>1689</v>
      </c>
      <c r="E493" s="18" t="s">
        <v>1690</v>
      </c>
      <c r="F493" s="18"/>
      <c r="G493" s="12"/>
    </row>
    <row r="494" spans="1:7">
      <c r="A494" s="7">
        <v>492</v>
      </c>
      <c r="B494" s="18" t="s">
        <v>180</v>
      </c>
      <c r="C494" s="18" t="s">
        <v>1702</v>
      </c>
      <c r="D494" s="18" t="s">
        <v>1703</v>
      </c>
      <c r="E494" s="18" t="s">
        <v>1704</v>
      </c>
      <c r="F494" s="18"/>
      <c r="G494" s="12"/>
    </row>
    <row r="495" spans="1:7">
      <c r="A495" s="7">
        <v>493</v>
      </c>
      <c r="B495" s="18" t="s">
        <v>180</v>
      </c>
      <c r="C495" s="18" t="s">
        <v>1705</v>
      </c>
      <c r="D495" s="18" t="s">
        <v>1706</v>
      </c>
      <c r="E495" s="18" t="s">
        <v>1707</v>
      </c>
      <c r="F495" s="18"/>
      <c r="G495" s="12"/>
    </row>
    <row r="496" spans="1:7">
      <c r="A496" s="7">
        <v>494</v>
      </c>
      <c r="B496" s="19" t="s">
        <v>412</v>
      </c>
      <c r="C496" s="10" t="s">
        <v>413</v>
      </c>
      <c r="D496" s="10" t="s">
        <v>414</v>
      </c>
      <c r="E496" s="8" t="s">
        <v>415</v>
      </c>
      <c r="F496" s="8"/>
      <c r="G496" s="12"/>
    </row>
    <row r="497" spans="1:7">
      <c r="A497" s="7">
        <v>495</v>
      </c>
      <c r="B497" s="19" t="s">
        <v>412</v>
      </c>
      <c r="C497" s="10" t="s">
        <v>416</v>
      </c>
      <c r="D497" s="10" t="s">
        <v>417</v>
      </c>
      <c r="E497" s="8" t="s">
        <v>418</v>
      </c>
      <c r="F497" s="8"/>
      <c r="G497" s="12"/>
    </row>
    <row r="498" spans="1:7">
      <c r="A498" s="7">
        <v>496</v>
      </c>
      <c r="B498" s="19" t="s">
        <v>412</v>
      </c>
      <c r="C498" s="10" t="s">
        <v>419</v>
      </c>
      <c r="D498" s="10" t="s">
        <v>420</v>
      </c>
      <c r="E498" s="8" t="s">
        <v>421</v>
      </c>
      <c r="F498" s="8"/>
      <c r="G498" s="12"/>
    </row>
    <row r="499" spans="1:7">
      <c r="A499" s="7">
        <v>497</v>
      </c>
      <c r="B499" s="19" t="s">
        <v>412</v>
      </c>
      <c r="C499" s="10" t="s">
        <v>422</v>
      </c>
      <c r="D499" s="10" t="s">
        <v>423</v>
      </c>
      <c r="E499" s="8" t="s">
        <v>424</v>
      </c>
      <c r="F499" s="8"/>
      <c r="G499" s="12"/>
    </row>
    <row r="500" spans="1:7">
      <c r="A500" s="7">
        <v>498</v>
      </c>
      <c r="B500" s="19" t="s">
        <v>412</v>
      </c>
      <c r="C500" s="10" t="s">
        <v>425</v>
      </c>
      <c r="D500" s="10" t="s">
        <v>426</v>
      </c>
      <c r="E500" s="8" t="s">
        <v>427</v>
      </c>
      <c r="F500" s="8"/>
      <c r="G500" s="12"/>
    </row>
    <row r="501" spans="1:7">
      <c r="A501" s="7">
        <v>499</v>
      </c>
      <c r="B501" s="19" t="s">
        <v>412</v>
      </c>
      <c r="C501" s="10" t="s">
        <v>428</v>
      </c>
      <c r="D501" s="10" t="s">
        <v>429</v>
      </c>
      <c r="E501" s="8" t="s">
        <v>430</v>
      </c>
      <c r="F501" s="8"/>
      <c r="G501" s="12"/>
    </row>
    <row r="502" spans="1:7">
      <c r="A502" s="7">
        <v>500</v>
      </c>
      <c r="B502" s="19" t="s">
        <v>412</v>
      </c>
      <c r="C502" s="10" t="s">
        <v>431</v>
      </c>
      <c r="D502" s="10" t="s">
        <v>432</v>
      </c>
      <c r="E502" s="8" t="s">
        <v>433</v>
      </c>
      <c r="F502" s="8"/>
      <c r="G502" s="12"/>
    </row>
    <row r="503" spans="1:7">
      <c r="A503" s="7">
        <v>501</v>
      </c>
      <c r="B503" s="19" t="s">
        <v>412</v>
      </c>
      <c r="C503" s="10" t="s">
        <v>434</v>
      </c>
      <c r="D503" s="10" t="s">
        <v>435</v>
      </c>
      <c r="E503" s="8" t="s">
        <v>436</v>
      </c>
      <c r="F503" s="8"/>
      <c r="G503" s="12"/>
    </row>
    <row r="504" spans="1:7">
      <c r="A504" s="7">
        <v>502</v>
      </c>
      <c r="B504" s="19" t="s">
        <v>412</v>
      </c>
      <c r="C504" s="10" t="s">
        <v>1354</v>
      </c>
      <c r="D504" s="10" t="s">
        <v>1355</v>
      </c>
      <c r="E504" s="8" t="s">
        <v>1356</v>
      </c>
      <c r="F504" s="8"/>
      <c r="G504" s="12"/>
    </row>
    <row r="505" spans="1:7">
      <c r="A505" s="7">
        <v>503</v>
      </c>
      <c r="B505" s="8" t="s">
        <v>290</v>
      </c>
      <c r="C505" s="8" t="s">
        <v>1736</v>
      </c>
      <c r="D505" s="8" t="s">
        <v>824</v>
      </c>
      <c r="E505" s="8" t="s">
        <v>291</v>
      </c>
      <c r="F505" s="8"/>
      <c r="G505" s="12"/>
    </row>
    <row r="506" spans="1:7">
      <c r="A506" s="7">
        <v>504</v>
      </c>
      <c r="B506" s="8" t="s">
        <v>290</v>
      </c>
      <c r="C506" s="8" t="s">
        <v>292</v>
      </c>
      <c r="D506" s="8" t="s">
        <v>293</v>
      </c>
      <c r="E506" s="8" t="s">
        <v>294</v>
      </c>
      <c r="F506" s="8"/>
      <c r="G506" s="12"/>
    </row>
    <row r="507" spans="1:7">
      <c r="A507" s="7">
        <v>505</v>
      </c>
      <c r="B507" s="8" t="s">
        <v>290</v>
      </c>
      <c r="C507" s="8" t="s">
        <v>295</v>
      </c>
      <c r="D507" s="8" t="s">
        <v>825</v>
      </c>
      <c r="E507" s="8" t="s">
        <v>296</v>
      </c>
      <c r="F507" s="8"/>
      <c r="G507" s="12"/>
    </row>
    <row r="508" spans="1:7">
      <c r="A508" s="7">
        <v>506</v>
      </c>
      <c r="B508" s="8" t="s">
        <v>290</v>
      </c>
      <c r="C508" s="8" t="s">
        <v>297</v>
      </c>
      <c r="D508" s="8" t="s">
        <v>827</v>
      </c>
      <c r="E508" s="8" t="s">
        <v>298</v>
      </c>
      <c r="F508" s="8"/>
      <c r="G508" s="12"/>
    </row>
    <row r="509" spans="1:7">
      <c r="A509" s="7">
        <v>507</v>
      </c>
      <c r="B509" s="8" t="s">
        <v>290</v>
      </c>
      <c r="C509" s="8" t="s">
        <v>299</v>
      </c>
      <c r="D509" s="8" t="s">
        <v>826</v>
      </c>
      <c r="E509" s="8" t="s">
        <v>300</v>
      </c>
      <c r="F509" s="8"/>
      <c r="G509" s="12"/>
    </row>
    <row r="510" spans="1:7">
      <c r="A510" s="7">
        <v>508</v>
      </c>
      <c r="B510" s="8" t="s">
        <v>290</v>
      </c>
      <c r="C510" s="8" t="s">
        <v>301</v>
      </c>
      <c r="D510" s="8" t="s">
        <v>302</v>
      </c>
      <c r="E510" s="8" t="s">
        <v>303</v>
      </c>
      <c r="F510" s="8"/>
      <c r="G510" s="12"/>
    </row>
    <row r="511" spans="1:7">
      <c r="A511" s="7">
        <v>509</v>
      </c>
      <c r="B511" s="8" t="s">
        <v>290</v>
      </c>
      <c r="C511" s="8" t="s">
        <v>304</v>
      </c>
      <c r="D511" s="8" t="s">
        <v>305</v>
      </c>
      <c r="E511" s="8" t="s">
        <v>306</v>
      </c>
      <c r="F511" s="8"/>
      <c r="G511" s="12"/>
    </row>
    <row r="512" spans="1:7">
      <c r="A512" s="7">
        <v>510</v>
      </c>
      <c r="B512" s="8" t="s">
        <v>290</v>
      </c>
      <c r="C512" s="8" t="s">
        <v>307</v>
      </c>
      <c r="D512" s="8" t="s">
        <v>308</v>
      </c>
      <c r="E512" s="8" t="s">
        <v>309</v>
      </c>
      <c r="F512" s="8"/>
      <c r="G512" s="12"/>
    </row>
    <row r="513" spans="1:7">
      <c r="A513" s="7">
        <v>511</v>
      </c>
      <c r="B513" s="8" t="s">
        <v>290</v>
      </c>
      <c r="C513" s="8" t="s">
        <v>310</v>
      </c>
      <c r="D513" s="8" t="s">
        <v>1548</v>
      </c>
      <c r="E513" s="8" t="s">
        <v>311</v>
      </c>
      <c r="F513" s="8"/>
      <c r="G513" s="12"/>
    </row>
    <row r="514" spans="1:7">
      <c r="A514" s="7">
        <v>512</v>
      </c>
      <c r="B514" s="8" t="s">
        <v>290</v>
      </c>
      <c r="C514" s="8" t="s">
        <v>312</v>
      </c>
      <c r="D514" s="8" t="s">
        <v>828</v>
      </c>
      <c r="E514" s="8" t="s">
        <v>313</v>
      </c>
      <c r="F514" s="8"/>
      <c r="G514" s="12"/>
    </row>
    <row r="515" spans="1:7">
      <c r="A515" s="7">
        <v>513</v>
      </c>
      <c r="B515" s="8" t="s">
        <v>290</v>
      </c>
      <c r="C515" s="8" t="s">
        <v>314</v>
      </c>
      <c r="D515" s="8" t="s">
        <v>829</v>
      </c>
      <c r="E515" s="8" t="s">
        <v>315</v>
      </c>
      <c r="F515" s="8"/>
      <c r="G515" s="12"/>
    </row>
    <row r="516" spans="1:7">
      <c r="A516" s="7">
        <v>514</v>
      </c>
      <c r="B516" s="8" t="s">
        <v>290</v>
      </c>
      <c r="C516" s="8" t="s">
        <v>316</v>
      </c>
      <c r="D516" s="8" t="s">
        <v>317</v>
      </c>
      <c r="E516" s="8" t="s">
        <v>318</v>
      </c>
      <c r="F516" s="8"/>
      <c r="G516" s="12"/>
    </row>
    <row r="517" spans="1:7">
      <c r="A517" s="7">
        <v>515</v>
      </c>
      <c r="B517" s="8" t="s">
        <v>290</v>
      </c>
      <c r="C517" s="8" t="s">
        <v>319</v>
      </c>
      <c r="D517" s="8" t="s">
        <v>320</v>
      </c>
      <c r="E517" s="8" t="s">
        <v>321</v>
      </c>
      <c r="F517" s="8"/>
      <c r="G517" s="12"/>
    </row>
    <row r="518" spans="1:7">
      <c r="A518" s="7">
        <v>516</v>
      </c>
      <c r="B518" s="8" t="s">
        <v>290</v>
      </c>
      <c r="C518" s="8" t="s">
        <v>322</v>
      </c>
      <c r="D518" s="8" t="s">
        <v>323</v>
      </c>
      <c r="E518" s="8" t="s">
        <v>324</v>
      </c>
      <c r="F518" s="8"/>
      <c r="G518" s="12"/>
    </row>
    <row r="519" spans="1:7">
      <c r="A519" s="7">
        <v>517</v>
      </c>
      <c r="B519" s="8" t="s">
        <v>1240</v>
      </c>
      <c r="C519" s="8" t="s">
        <v>1241</v>
      </c>
      <c r="D519" s="8" t="s">
        <v>1737</v>
      </c>
      <c r="E519" s="8" t="s">
        <v>1242</v>
      </c>
      <c r="F519" s="8"/>
      <c r="G519" s="12"/>
    </row>
    <row r="520" spans="1:7">
      <c r="A520" s="7">
        <v>518</v>
      </c>
      <c r="B520" s="8" t="s">
        <v>1240</v>
      </c>
      <c r="C520" s="8" t="s">
        <v>1253</v>
      </c>
      <c r="D520" s="8" t="s">
        <v>1254</v>
      </c>
      <c r="E520" s="8" t="s">
        <v>1255</v>
      </c>
      <c r="F520" s="8"/>
      <c r="G520" s="12"/>
    </row>
    <row r="521" spans="1:7">
      <c r="A521" s="7">
        <v>519</v>
      </c>
      <c r="B521" s="8" t="s">
        <v>1191</v>
      </c>
      <c r="C521" s="8" t="s">
        <v>1192</v>
      </c>
      <c r="D521" s="8" t="s">
        <v>1193</v>
      </c>
      <c r="E521" s="8" t="s">
        <v>1194</v>
      </c>
      <c r="F521" s="8"/>
      <c r="G521" s="12"/>
    </row>
    <row r="522" spans="1:7">
      <c r="A522" s="7">
        <v>520</v>
      </c>
      <c r="B522" s="8" t="s">
        <v>1191</v>
      </c>
      <c r="C522" s="8" t="s">
        <v>1195</v>
      </c>
      <c r="D522" s="8" t="s">
        <v>1196</v>
      </c>
      <c r="E522" s="8" t="s">
        <v>1197</v>
      </c>
      <c r="F522" s="8"/>
      <c r="G522" s="12"/>
    </row>
    <row r="523" spans="1:7">
      <c r="A523" s="7">
        <v>521</v>
      </c>
      <c r="B523" s="8" t="s">
        <v>1191</v>
      </c>
      <c r="C523" s="8" t="s">
        <v>1198</v>
      </c>
      <c r="D523" s="8" t="s">
        <v>1199</v>
      </c>
      <c r="E523" s="8" t="s">
        <v>1200</v>
      </c>
      <c r="F523" s="8"/>
      <c r="G523" s="12"/>
    </row>
    <row r="524" spans="1:7">
      <c r="A524" s="7">
        <v>522</v>
      </c>
      <c r="B524" s="8" t="s">
        <v>1191</v>
      </c>
      <c r="C524" s="8" t="s">
        <v>1201</v>
      </c>
      <c r="D524" s="8" t="s">
        <v>1202</v>
      </c>
      <c r="E524" s="8" t="s">
        <v>1203</v>
      </c>
      <c r="F524" s="8"/>
      <c r="G524" s="12"/>
    </row>
    <row r="525" spans="1:7">
      <c r="A525" s="7">
        <v>523</v>
      </c>
      <c r="B525" s="8" t="s">
        <v>1191</v>
      </c>
      <c r="C525" s="8" t="s">
        <v>1204</v>
      </c>
      <c r="D525" s="8" t="s">
        <v>1205</v>
      </c>
      <c r="E525" s="8" t="s">
        <v>1206</v>
      </c>
      <c r="F525" s="8"/>
      <c r="G525" s="12"/>
    </row>
    <row r="526" spans="1:7">
      <c r="A526" s="7">
        <v>524</v>
      </c>
      <c r="B526" s="8" t="s">
        <v>1191</v>
      </c>
      <c r="C526" s="8" t="s">
        <v>1207</v>
      </c>
      <c r="D526" s="8" t="s">
        <v>1208</v>
      </c>
      <c r="E526" s="8" t="s">
        <v>1209</v>
      </c>
      <c r="F526" s="8"/>
      <c r="G526" s="12"/>
    </row>
    <row r="527" spans="1:7">
      <c r="A527" s="7">
        <v>525</v>
      </c>
      <c r="B527" s="8" t="s">
        <v>1191</v>
      </c>
      <c r="C527" s="8" t="s">
        <v>1210</v>
      </c>
      <c r="D527" s="8" t="s">
        <v>1211</v>
      </c>
      <c r="E527" s="8" t="s">
        <v>1212</v>
      </c>
      <c r="F527" s="8"/>
      <c r="G527" s="12"/>
    </row>
    <row r="528" spans="1:7">
      <c r="A528" s="7">
        <v>526</v>
      </c>
      <c r="B528" s="8" t="s">
        <v>1191</v>
      </c>
      <c r="C528" s="8" t="s">
        <v>1213</v>
      </c>
      <c r="D528" s="8" t="s">
        <v>1214</v>
      </c>
      <c r="E528" s="8" t="s">
        <v>1215</v>
      </c>
      <c r="F528" s="8"/>
      <c r="G528" s="12"/>
    </row>
    <row r="529" spans="1:7">
      <c r="A529" s="7">
        <v>527</v>
      </c>
      <c r="B529" s="8" t="s">
        <v>1191</v>
      </c>
      <c r="C529" s="8" t="s">
        <v>1216</v>
      </c>
      <c r="D529" s="8" t="s">
        <v>1217</v>
      </c>
      <c r="E529" s="8" t="s">
        <v>1218</v>
      </c>
      <c r="F529" s="8"/>
      <c r="G529" s="12"/>
    </row>
    <row r="530" spans="1:7">
      <c r="A530" s="7">
        <v>528</v>
      </c>
      <c r="B530" s="8" t="s">
        <v>1191</v>
      </c>
      <c r="C530" s="8" t="s">
        <v>1219</v>
      </c>
      <c r="D530" s="8" t="s">
        <v>1549</v>
      </c>
      <c r="E530" s="8" t="s">
        <v>1220</v>
      </c>
      <c r="F530" s="8"/>
      <c r="G530" s="12"/>
    </row>
    <row r="531" spans="1:7" ht="43.2">
      <c r="A531" s="7">
        <v>529</v>
      </c>
      <c r="B531" s="8" t="s">
        <v>1191</v>
      </c>
      <c r="C531" s="8" t="s">
        <v>1221</v>
      </c>
      <c r="D531" s="10" t="s">
        <v>1550</v>
      </c>
      <c r="E531" s="8" t="s">
        <v>1222</v>
      </c>
      <c r="F531" s="8"/>
      <c r="G531" s="12"/>
    </row>
    <row r="532" spans="1:7">
      <c r="A532" s="7">
        <v>530</v>
      </c>
      <c r="B532" s="18" t="s">
        <v>1722</v>
      </c>
      <c r="C532" s="23" t="s">
        <v>1723</v>
      </c>
      <c r="D532" s="18" t="s">
        <v>1724</v>
      </c>
      <c r="E532" s="18" t="s">
        <v>1725</v>
      </c>
      <c r="F532" s="18"/>
      <c r="G532" s="12"/>
    </row>
    <row r="533" spans="1:7">
      <c r="A533" s="7">
        <v>531</v>
      </c>
      <c r="B533" s="8" t="s">
        <v>89</v>
      </c>
      <c r="C533" s="8" t="s">
        <v>90</v>
      </c>
      <c r="D533" s="8" t="s">
        <v>91</v>
      </c>
      <c r="E533" s="8" t="s">
        <v>92</v>
      </c>
      <c r="F533" s="8"/>
      <c r="G533" s="12"/>
    </row>
    <row r="534" spans="1:7">
      <c r="A534" s="7">
        <v>532</v>
      </c>
      <c r="B534" s="8" t="s">
        <v>89</v>
      </c>
      <c r="C534" s="8" t="s">
        <v>1229</v>
      </c>
      <c r="D534" s="8" t="s">
        <v>1230</v>
      </c>
      <c r="E534" s="8" t="s">
        <v>1231</v>
      </c>
      <c r="F534" s="8"/>
      <c r="G534" s="12"/>
    </row>
    <row r="535" spans="1:7">
      <c r="A535" s="7">
        <v>533</v>
      </c>
      <c r="B535" s="8" t="s">
        <v>89</v>
      </c>
      <c r="C535" s="8" t="s">
        <v>1666</v>
      </c>
      <c r="D535" s="8" t="s">
        <v>1667</v>
      </c>
      <c r="E535" s="8" t="s">
        <v>1668</v>
      </c>
      <c r="F535" s="8"/>
      <c r="G535" s="12"/>
    </row>
    <row r="536" spans="1:7">
      <c r="A536" s="7">
        <v>534</v>
      </c>
      <c r="B536" s="8" t="s">
        <v>93</v>
      </c>
      <c r="C536" s="8" t="s">
        <v>94</v>
      </c>
      <c r="D536" s="8" t="s">
        <v>95</v>
      </c>
      <c r="E536" s="8" t="s">
        <v>96</v>
      </c>
      <c r="F536" s="8"/>
      <c r="G536" s="12"/>
    </row>
    <row r="537" spans="1:7">
      <c r="A537" s="7">
        <v>535</v>
      </c>
      <c r="B537" s="8" t="s">
        <v>93</v>
      </c>
      <c r="C537" s="8" t="s">
        <v>97</v>
      </c>
      <c r="D537" s="8" t="s">
        <v>98</v>
      </c>
      <c r="E537" s="8" t="s">
        <v>99</v>
      </c>
      <c r="F537" s="8"/>
      <c r="G537" s="12"/>
    </row>
    <row r="538" spans="1:7">
      <c r="A538" s="7">
        <v>536</v>
      </c>
      <c r="B538" s="8" t="s">
        <v>93</v>
      </c>
      <c r="C538" s="8" t="s">
        <v>100</v>
      </c>
      <c r="D538" s="8" t="s">
        <v>101</v>
      </c>
      <c r="E538" s="8" t="s">
        <v>102</v>
      </c>
      <c r="F538" s="8"/>
      <c r="G538" s="12"/>
    </row>
    <row r="539" spans="1:7">
      <c r="A539" s="7">
        <v>537</v>
      </c>
      <c r="B539" s="8" t="s">
        <v>93</v>
      </c>
      <c r="C539" s="8" t="s">
        <v>103</v>
      </c>
      <c r="D539" s="8" t="s">
        <v>104</v>
      </c>
      <c r="E539" s="8" t="s">
        <v>105</v>
      </c>
      <c r="F539" s="8"/>
      <c r="G539" s="12"/>
    </row>
    <row r="540" spans="1:7">
      <c r="A540" s="7">
        <v>538</v>
      </c>
      <c r="B540" s="8" t="s">
        <v>93</v>
      </c>
      <c r="C540" s="8" t="s">
        <v>106</v>
      </c>
      <c r="D540" s="8" t="s">
        <v>107</v>
      </c>
      <c r="E540" s="8" t="s">
        <v>108</v>
      </c>
      <c r="F540" s="8"/>
      <c r="G540" s="12"/>
    </row>
    <row r="541" spans="1:7">
      <c r="A541" s="7">
        <v>539</v>
      </c>
      <c r="B541" s="8" t="s">
        <v>93</v>
      </c>
      <c r="C541" s="8" t="s">
        <v>109</v>
      </c>
      <c r="D541" s="8" t="s">
        <v>110</v>
      </c>
      <c r="E541" s="8" t="s">
        <v>111</v>
      </c>
      <c r="F541" s="8"/>
      <c r="G541" s="12"/>
    </row>
    <row r="542" spans="1:7">
      <c r="A542" s="7">
        <v>540</v>
      </c>
      <c r="B542" s="8" t="s">
        <v>441</v>
      </c>
      <c r="C542" s="8" t="s">
        <v>1357</v>
      </c>
      <c r="D542" s="8" t="s">
        <v>442</v>
      </c>
      <c r="E542" s="8" t="s">
        <v>443</v>
      </c>
      <c r="F542" s="8"/>
      <c r="G542" s="12"/>
    </row>
    <row r="543" spans="1:7">
      <c r="A543" s="7">
        <v>541</v>
      </c>
      <c r="B543" s="8" t="s">
        <v>441</v>
      </c>
      <c r="C543" s="8" t="s">
        <v>444</v>
      </c>
      <c r="D543" s="8" t="s">
        <v>445</v>
      </c>
      <c r="E543" s="8" t="s">
        <v>446</v>
      </c>
      <c r="F543" s="8"/>
      <c r="G543" s="12"/>
    </row>
    <row r="544" spans="1:7">
      <c r="A544" s="7">
        <v>542</v>
      </c>
      <c r="B544" s="8" t="s">
        <v>112</v>
      </c>
      <c r="C544" s="8" t="s">
        <v>113</v>
      </c>
      <c r="D544" s="8" t="s">
        <v>830</v>
      </c>
      <c r="E544" s="8" t="s">
        <v>114</v>
      </c>
      <c r="F544" s="8"/>
      <c r="G544" s="12"/>
    </row>
    <row r="545" spans="1:7">
      <c r="A545" s="7">
        <v>543</v>
      </c>
      <c r="B545" s="8" t="s">
        <v>112</v>
      </c>
      <c r="C545" s="8" t="s">
        <v>115</v>
      </c>
      <c r="D545" s="8" t="s">
        <v>831</v>
      </c>
      <c r="E545" s="8" t="s">
        <v>116</v>
      </c>
      <c r="F545" s="8"/>
      <c r="G545" s="12"/>
    </row>
    <row r="546" spans="1:7">
      <c r="A546" s="7">
        <v>544</v>
      </c>
      <c r="B546" s="8" t="s">
        <v>112</v>
      </c>
      <c r="C546" s="8" t="s">
        <v>117</v>
      </c>
      <c r="D546" s="8" t="s">
        <v>832</v>
      </c>
      <c r="E546" s="8" t="s">
        <v>118</v>
      </c>
      <c r="F546" s="8"/>
      <c r="G546" s="12"/>
    </row>
    <row r="547" spans="1:7">
      <c r="A547" s="7">
        <v>545</v>
      </c>
      <c r="B547" s="8" t="s">
        <v>112</v>
      </c>
      <c r="C547" s="8" t="s">
        <v>119</v>
      </c>
      <c r="D547" s="8" t="s">
        <v>833</v>
      </c>
      <c r="E547" s="8" t="s">
        <v>120</v>
      </c>
      <c r="F547" s="8"/>
      <c r="G547" s="12"/>
    </row>
    <row r="548" spans="1:7">
      <c r="A548" s="7">
        <v>546</v>
      </c>
      <c r="B548" s="8" t="s">
        <v>121</v>
      </c>
      <c r="C548" s="17" t="s">
        <v>122</v>
      </c>
      <c r="D548" s="8" t="s">
        <v>168</v>
      </c>
      <c r="E548" s="19" t="s">
        <v>123</v>
      </c>
      <c r="F548" s="17"/>
      <c r="G548" s="12"/>
    </row>
    <row r="549" spans="1:7" ht="28.8">
      <c r="A549" s="7">
        <v>547</v>
      </c>
      <c r="B549" s="8" t="s">
        <v>121</v>
      </c>
      <c r="C549" s="16" t="s">
        <v>410</v>
      </c>
      <c r="D549" s="8" t="s">
        <v>169</v>
      </c>
      <c r="E549" s="19" t="s">
        <v>124</v>
      </c>
      <c r="F549" s="17"/>
      <c r="G549" s="12"/>
    </row>
    <row r="550" spans="1:7">
      <c r="A550" s="7">
        <v>548</v>
      </c>
      <c r="B550" s="8" t="s">
        <v>125</v>
      </c>
      <c r="C550" s="8" t="s">
        <v>126</v>
      </c>
      <c r="D550" s="8" t="s">
        <v>170</v>
      </c>
      <c r="E550" s="19" t="s">
        <v>127</v>
      </c>
      <c r="F550" s="8"/>
      <c r="G550" s="12"/>
    </row>
    <row r="551" spans="1:7">
      <c r="A551" s="7">
        <v>549</v>
      </c>
      <c r="B551" s="8" t="s">
        <v>125</v>
      </c>
      <c r="C551" s="8" t="s">
        <v>128</v>
      </c>
      <c r="D551" s="8" t="s">
        <v>171</v>
      </c>
      <c r="E551" s="19" t="s">
        <v>129</v>
      </c>
      <c r="F551" s="8"/>
      <c r="G551" s="12"/>
    </row>
    <row r="552" spans="1:7">
      <c r="A552" s="7">
        <v>550</v>
      </c>
      <c r="B552" s="8" t="s">
        <v>125</v>
      </c>
      <c r="C552" s="8" t="s">
        <v>130</v>
      </c>
      <c r="D552" s="8" t="s">
        <v>172</v>
      </c>
      <c r="E552" s="19" t="s">
        <v>131</v>
      </c>
      <c r="F552" s="8"/>
      <c r="G552" s="12"/>
    </row>
    <row r="553" spans="1:7" ht="28.8">
      <c r="A553" s="7">
        <v>551</v>
      </c>
      <c r="B553" s="8" t="s">
        <v>437</v>
      </c>
      <c r="C553" s="10" t="s">
        <v>447</v>
      </c>
      <c r="D553" s="8" t="s">
        <v>834</v>
      </c>
      <c r="E553" s="19" t="s">
        <v>438</v>
      </c>
      <c r="F553" s="8"/>
      <c r="G553" s="12"/>
    </row>
    <row r="554" spans="1:7">
      <c r="A554" s="7">
        <v>552</v>
      </c>
      <c r="B554" s="8" t="s">
        <v>437</v>
      </c>
      <c r="C554" s="8" t="s">
        <v>439</v>
      </c>
      <c r="D554" s="8" t="s">
        <v>835</v>
      </c>
      <c r="E554" s="19" t="s">
        <v>440</v>
      </c>
      <c r="F554" s="8"/>
      <c r="G554" s="12"/>
    </row>
    <row r="555" spans="1:7">
      <c r="A555" s="7">
        <v>553</v>
      </c>
      <c r="B555" s="8" t="s">
        <v>132</v>
      </c>
      <c r="C555" s="8" t="s">
        <v>133</v>
      </c>
      <c r="D555" s="8" t="s">
        <v>173</v>
      </c>
      <c r="E555" s="19" t="s">
        <v>134</v>
      </c>
      <c r="F555" s="10"/>
      <c r="G555" s="12"/>
    </row>
    <row r="556" spans="1:7">
      <c r="A556" s="7">
        <v>554</v>
      </c>
      <c r="B556" s="8" t="s">
        <v>448</v>
      </c>
      <c r="C556" s="8" t="s">
        <v>449</v>
      </c>
      <c r="D556" s="8" t="s">
        <v>836</v>
      </c>
      <c r="E556" s="8" t="s">
        <v>450</v>
      </c>
      <c r="F556" s="8"/>
      <c r="G556" s="12"/>
    </row>
    <row r="557" spans="1:7">
      <c r="A557" s="7">
        <v>555</v>
      </c>
      <c r="B557" s="19" t="s">
        <v>135</v>
      </c>
      <c r="C557" s="19" t="s">
        <v>136</v>
      </c>
      <c r="D557" s="19" t="s">
        <v>174</v>
      </c>
      <c r="E557" s="19" t="s">
        <v>137</v>
      </c>
      <c r="F557" s="24"/>
      <c r="G557" s="12"/>
    </row>
    <row r="558" spans="1:7">
      <c r="A558" s="7">
        <v>556</v>
      </c>
      <c r="B558" s="8" t="s">
        <v>405</v>
      </c>
      <c r="C558" s="8" t="s">
        <v>406</v>
      </c>
      <c r="D558" s="8" t="s">
        <v>837</v>
      </c>
      <c r="E558" s="8" t="s">
        <v>407</v>
      </c>
      <c r="F558" s="8"/>
      <c r="G558" s="12"/>
    </row>
    <row r="559" spans="1:7" ht="28.8">
      <c r="A559" s="7">
        <v>557</v>
      </c>
      <c r="B559" s="8" t="s">
        <v>405</v>
      </c>
      <c r="C559" s="8" t="s">
        <v>408</v>
      </c>
      <c r="D559" s="8" t="s">
        <v>838</v>
      </c>
      <c r="E559" s="8" t="s">
        <v>409</v>
      </c>
      <c r="F559" s="20" t="s">
        <v>1726</v>
      </c>
      <c r="G559" s="12"/>
    </row>
    <row r="560" spans="1:7" ht="28.8">
      <c r="A560" s="7">
        <v>558</v>
      </c>
      <c r="B560" s="8" t="s">
        <v>405</v>
      </c>
      <c r="C560" s="8" t="s">
        <v>1551</v>
      </c>
      <c r="D560" s="8" t="s">
        <v>1727</v>
      </c>
      <c r="E560" s="8" t="s">
        <v>1728</v>
      </c>
      <c r="F560" s="10" t="s">
        <v>1739</v>
      </c>
      <c r="G560" s="12"/>
    </row>
    <row r="561" spans="1:7">
      <c r="A561" s="7">
        <v>559</v>
      </c>
      <c r="B561" s="8" t="s">
        <v>138</v>
      </c>
      <c r="C561" s="8" t="s">
        <v>139</v>
      </c>
      <c r="D561" s="8" t="s">
        <v>175</v>
      </c>
      <c r="E561" s="8" t="s">
        <v>140</v>
      </c>
      <c r="F561" s="8"/>
      <c r="G561" s="12"/>
    </row>
    <row r="562" spans="1:7">
      <c r="A562" s="7">
        <v>560</v>
      </c>
      <c r="B562" s="8" t="s">
        <v>138</v>
      </c>
      <c r="C562" s="8" t="s">
        <v>141</v>
      </c>
      <c r="D562" s="8" t="s">
        <v>176</v>
      </c>
      <c r="E562" s="8" t="s">
        <v>142</v>
      </c>
      <c r="F562" s="8"/>
      <c r="G562" s="12"/>
    </row>
    <row r="563" spans="1:7">
      <c r="A563" s="7">
        <v>561</v>
      </c>
      <c r="B563" s="8" t="s">
        <v>138</v>
      </c>
      <c r="C563" s="8" t="s">
        <v>143</v>
      </c>
      <c r="D563" s="8" t="s">
        <v>177</v>
      </c>
      <c r="E563" s="8" t="s">
        <v>144</v>
      </c>
      <c r="F563" s="8"/>
      <c r="G563" s="12"/>
    </row>
    <row r="564" spans="1:7">
      <c r="A564" s="7">
        <v>562</v>
      </c>
      <c r="B564" s="8" t="s">
        <v>976</v>
      </c>
      <c r="C564" s="8" t="s">
        <v>1683</v>
      </c>
      <c r="D564" s="8" t="s">
        <v>1684</v>
      </c>
      <c r="E564" s="8" t="s">
        <v>1672</v>
      </c>
      <c r="F564" s="8"/>
      <c r="G564" s="12" t="s">
        <v>1669</v>
      </c>
    </row>
    <row r="565" spans="1:7">
      <c r="A565" s="7">
        <v>563</v>
      </c>
      <c r="B565" s="8" t="s">
        <v>145</v>
      </c>
      <c r="C565" s="8" t="s">
        <v>146</v>
      </c>
      <c r="D565" s="8" t="s">
        <v>178</v>
      </c>
      <c r="E565" s="8" t="s">
        <v>147</v>
      </c>
      <c r="F565" s="8"/>
      <c r="G565" s="12"/>
    </row>
    <row r="566" spans="1:7">
      <c r="A566" s="7">
        <v>564</v>
      </c>
      <c r="B566" s="8" t="s">
        <v>145</v>
      </c>
      <c r="C566" s="8" t="s">
        <v>148</v>
      </c>
      <c r="D566" s="8" t="s">
        <v>179</v>
      </c>
      <c r="E566" s="8" t="s">
        <v>149</v>
      </c>
      <c r="F566" s="8"/>
      <c r="G566" s="12"/>
    </row>
    <row r="567" spans="1:7">
      <c r="A567" s="7">
        <v>565</v>
      </c>
      <c r="B567" s="25" t="s">
        <v>145</v>
      </c>
      <c r="C567" s="25" t="s">
        <v>1555</v>
      </c>
      <c r="D567" s="25" t="s">
        <v>1556</v>
      </c>
      <c r="E567" s="25" t="s">
        <v>1557</v>
      </c>
      <c r="F567" s="25"/>
      <c r="G567" s="18"/>
    </row>
  </sheetData>
  <autoFilter ref="A2:G567"/>
  <mergeCells count="1">
    <mergeCell ref="A1:D1"/>
  </mergeCells>
  <phoneticPr fontId="1"/>
  <dataValidations count="2">
    <dataValidation imeMode="hiragana" allowBlank="1" showInputMessage="1" showErrorMessage="1" sqref="C92:D104 C131:D179"/>
    <dataValidation type="list" allowBlank="1" showInputMessage="1" showErrorMessage="1" sqref="G298 G91">
      <formula1>$H$4:$H$6</formula1>
    </dataValidation>
  </dataValidations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一時預かり</vt:lpstr>
      <vt:lpstr>一時預かり!Print_Area</vt:lpstr>
      <vt:lpstr>一時預かり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3-09-19T07:34:51Z</cp:lastPrinted>
  <dcterms:modified xsi:type="dcterms:W3CDTF">2023-09-29T06:30:02Z</dcterms:modified>
</cp:coreProperties>
</file>